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5\Downloads\"/>
    </mc:Choice>
  </mc:AlternateContent>
  <bookViews>
    <workbookView xWindow="0" yWindow="0" windowWidth="20490" windowHeight="9045"/>
  </bookViews>
  <sheets>
    <sheet name="Plan1" sheetId="1" r:id="rId1"/>
    <sheet name="Plan2" sheetId="2" r:id="rId2"/>
    <sheet name="Plan3" sheetId="3" r:id="rId3"/>
  </sheets>
  <definedNames>
    <definedName name="_xlnm._FilterDatabase" localSheetId="0" hidden="1">Plan1!$A$1247:$F$1255</definedName>
  </definedNames>
  <calcPr calcId="152511"/>
</workbook>
</file>

<file path=xl/calcChain.xml><?xml version="1.0" encoding="utf-8"?>
<calcChain xmlns="http://schemas.openxmlformats.org/spreadsheetml/2006/main">
  <c r="F1242" i="1" l="1"/>
  <c r="F1127" i="1"/>
  <c r="F452" i="1"/>
  <c r="F334" i="1"/>
  <c r="F1046" i="1" l="1"/>
  <c r="F216" i="1" l="1"/>
  <c r="F180" i="1" l="1"/>
  <c r="F141" i="1" l="1"/>
  <c r="F313" i="1" l="1"/>
  <c r="F530" i="1"/>
  <c r="F1223" i="1" l="1"/>
  <c r="F1226" i="1"/>
  <c r="F60" i="1" l="1"/>
  <c r="F12" i="1" l="1"/>
  <c r="F13" i="1"/>
  <c r="F432" i="1"/>
  <c r="F475" i="1"/>
  <c r="F476" i="1"/>
  <c r="F1404" i="1" l="1"/>
  <c r="F1403" i="1"/>
  <c r="F1397" i="1"/>
  <c r="F1342" i="1" l="1"/>
  <c r="F1056" i="1" l="1"/>
  <c r="F848" i="1" l="1"/>
  <c r="F845" i="1"/>
  <c r="F842" i="1"/>
  <c r="F650" i="1"/>
  <c r="F648" i="1"/>
  <c r="F622" i="1"/>
  <c r="F610" i="1"/>
  <c r="F604" i="1"/>
  <c r="F602" i="1"/>
  <c r="F565" i="1"/>
  <c r="F564" i="1"/>
  <c r="F490" i="1"/>
  <c r="F443" i="1"/>
  <c r="F431" i="1"/>
  <c r="F480" i="1"/>
  <c r="F449" i="1"/>
  <c r="F455" i="1"/>
  <c r="F414" i="1"/>
  <c r="F338" i="1"/>
  <c r="F341" i="1"/>
  <c r="F314" i="1"/>
  <c r="F175" i="1"/>
  <c r="F170" i="1"/>
  <c r="F104" i="1"/>
  <c r="F88" i="1"/>
  <c r="F528" i="1" l="1"/>
  <c r="F612" i="1"/>
  <c r="F1420" i="1" l="1"/>
  <c r="F10" i="1"/>
  <c r="F50" i="1" l="1"/>
  <c r="F51" i="1"/>
  <c r="F52" i="1"/>
  <c r="F54" i="1"/>
  <c r="F55" i="1"/>
  <c r="F56" i="1"/>
  <c r="F57" i="1"/>
  <c r="F53" i="1"/>
  <c r="F58" i="1"/>
  <c r="F59" i="1"/>
  <c r="F62" i="1"/>
  <c r="F79" i="1"/>
  <c r="F84" i="1"/>
  <c r="F85" i="1"/>
  <c r="F94" i="1"/>
  <c r="F100" i="1"/>
  <c r="F102" i="1"/>
  <c r="F105" i="1"/>
  <c r="F63" i="1"/>
  <c r="F65" i="1"/>
  <c r="F66" i="1"/>
  <c r="F67" i="1"/>
  <c r="F68" i="1"/>
  <c r="F71" i="1"/>
  <c r="F72" i="1"/>
  <c r="F74" i="1"/>
  <c r="F75" i="1"/>
  <c r="F76" i="1"/>
  <c r="F78" i="1"/>
  <c r="F80" i="1"/>
  <c r="F81" i="1"/>
  <c r="F82" i="1"/>
  <c r="F83" i="1"/>
  <c r="F86" i="1"/>
  <c r="F87" i="1"/>
  <c r="F91" i="1"/>
  <c r="F92" i="1"/>
  <c r="F93" i="1"/>
  <c r="F95" i="1"/>
  <c r="F96" i="1"/>
  <c r="F98" i="1"/>
  <c r="F99" i="1"/>
  <c r="F101" i="1"/>
  <c r="F103" i="1"/>
  <c r="F106" i="1"/>
  <c r="F107" i="1"/>
  <c r="F109" i="1"/>
  <c r="F110" i="1"/>
  <c r="F111" i="1"/>
  <c r="F115" i="1"/>
  <c r="F116" i="1"/>
  <c r="F64" i="1"/>
  <c r="F70" i="1"/>
  <c r="F73" i="1"/>
  <c r="F97" i="1"/>
  <c r="F108" i="1"/>
  <c r="F61" i="1"/>
  <c r="F69" i="1"/>
  <c r="F77" i="1"/>
  <c r="F89" i="1"/>
  <c r="F90" i="1"/>
  <c r="F112" i="1"/>
  <c r="F114" i="1"/>
  <c r="F113" i="1"/>
  <c r="F117" i="1"/>
  <c r="F118" i="1"/>
  <c r="F122" i="1"/>
  <c r="F119" i="1"/>
  <c r="F120" i="1"/>
  <c r="F121" i="1"/>
  <c r="F123" i="1"/>
  <c r="F124" i="1"/>
  <c r="F125" i="1"/>
  <c r="F126" i="1"/>
  <c r="F127" i="1"/>
  <c r="F128" i="1"/>
  <c r="F129" i="1"/>
  <c r="F130" i="1"/>
  <c r="F131" i="1"/>
  <c r="F133" i="1"/>
  <c r="F135" i="1"/>
  <c r="F136" i="1"/>
  <c r="F137" i="1"/>
  <c r="F139" i="1"/>
  <c r="F140" i="1"/>
  <c r="F142" i="1"/>
  <c r="F143" i="1"/>
  <c r="F144" i="1"/>
  <c r="F146" i="1"/>
  <c r="F145" i="1"/>
  <c r="F148" i="1"/>
  <c r="F147" i="1"/>
  <c r="F150" i="1"/>
  <c r="F151" i="1"/>
  <c r="F156" i="1"/>
  <c r="F154" i="1"/>
  <c r="F153" i="1"/>
  <c r="F155" i="1"/>
  <c r="F152" i="1"/>
  <c r="F157" i="1"/>
  <c r="F161" i="1"/>
  <c r="F158" i="1"/>
  <c r="F159" i="1"/>
  <c r="F160" i="1"/>
  <c r="F162" i="1"/>
  <c r="F163" i="1"/>
  <c r="F164" i="1"/>
  <c r="F167" i="1"/>
  <c r="F168" i="1"/>
  <c r="F169" i="1"/>
  <c r="F171" i="1"/>
  <c r="F172" i="1"/>
  <c r="F177" i="1"/>
  <c r="F178" i="1"/>
  <c r="F181" i="1"/>
  <c r="F182" i="1"/>
  <c r="F184" i="1"/>
  <c r="F132" i="1"/>
  <c r="F134" i="1"/>
  <c r="F138" i="1"/>
  <c r="F149" i="1"/>
  <c r="F165" i="1"/>
  <c r="F166" i="1"/>
  <c r="F173" i="1"/>
  <c r="F174" i="1"/>
  <c r="F176" i="1"/>
  <c r="F179" i="1"/>
  <c r="F183" i="1"/>
  <c r="F185" i="1"/>
  <c r="F186" i="1"/>
  <c r="F187" i="1"/>
  <c r="F188" i="1"/>
  <c r="F192" i="1"/>
  <c r="F193" i="1"/>
  <c r="F194" i="1"/>
  <c r="F195" i="1"/>
  <c r="F196" i="1"/>
  <c r="F197" i="1"/>
  <c r="F198" i="1"/>
  <c r="F189" i="1"/>
  <c r="F190" i="1"/>
  <c r="F191" i="1"/>
  <c r="F199" i="1"/>
  <c r="F200" i="1"/>
  <c r="F205" i="1"/>
  <c r="F240" i="1"/>
  <c r="F248" i="1"/>
  <c r="F252" i="1"/>
  <c r="F201" i="1"/>
  <c r="F202" i="1"/>
  <c r="F203" i="1"/>
  <c r="F204" i="1"/>
  <c r="F206" i="1"/>
  <c r="F207" i="1"/>
  <c r="F208" i="1"/>
  <c r="F209" i="1"/>
  <c r="F210" i="1"/>
  <c r="F211" i="1"/>
  <c r="F212" i="1"/>
  <c r="F213" i="1"/>
  <c r="F215" i="1"/>
  <c r="F217" i="1"/>
  <c r="F218" i="1"/>
  <c r="F219" i="1"/>
  <c r="F220" i="1"/>
  <c r="F221" i="1"/>
  <c r="F222" i="1"/>
  <c r="F223" i="1"/>
  <c r="F224" i="1"/>
  <c r="F225" i="1"/>
  <c r="F226" i="1"/>
  <c r="F227" i="1"/>
  <c r="F228" i="1"/>
  <c r="F229" i="1"/>
  <c r="F230" i="1"/>
  <c r="F231" i="1"/>
  <c r="F232" i="1"/>
  <c r="F233" i="1"/>
  <c r="F234" i="1"/>
  <c r="F235" i="1"/>
  <c r="F236" i="1"/>
  <c r="F237" i="1"/>
  <c r="F238" i="1"/>
  <c r="F239" i="1"/>
  <c r="F241" i="1"/>
  <c r="F242" i="1"/>
  <c r="F243" i="1"/>
  <c r="F244" i="1"/>
  <c r="F245" i="1"/>
  <c r="F246" i="1"/>
  <c r="F247" i="1"/>
  <c r="F249" i="1"/>
  <c r="F250" i="1"/>
  <c r="F251" i="1"/>
  <c r="F214" i="1"/>
  <c r="F253" i="1"/>
  <c r="F254" i="1"/>
  <c r="F255" i="1"/>
  <c r="F259" i="1"/>
  <c r="F260" i="1"/>
  <c r="F261" i="1"/>
  <c r="F262" i="1"/>
  <c r="F264" i="1"/>
  <c r="F263" i="1"/>
  <c r="F265" i="1"/>
  <c r="F266" i="1"/>
  <c r="F267" i="1"/>
  <c r="F268" i="1"/>
  <c r="F269" i="1"/>
  <c r="F270" i="1"/>
  <c r="F256" i="1"/>
  <c r="F257" i="1"/>
  <c r="F258" i="1"/>
  <c r="F271" i="1"/>
  <c r="F272" i="1"/>
  <c r="F274" i="1"/>
  <c r="F275" i="1"/>
  <c r="F276" i="1"/>
  <c r="F277" i="1"/>
  <c r="F273" i="1"/>
  <c r="F278" i="1"/>
  <c r="F279" i="1"/>
  <c r="F280" i="1"/>
  <c r="F281" i="1"/>
  <c r="F283" i="1"/>
  <c r="F284" i="1"/>
  <c r="F285" i="1"/>
  <c r="F282" i="1"/>
  <c r="F286" i="1"/>
  <c r="F287" i="1"/>
  <c r="F293" i="1"/>
  <c r="F294" i="1"/>
  <c r="F297" i="1"/>
  <c r="F298" i="1"/>
  <c r="F299" i="1"/>
  <c r="F300" i="1"/>
  <c r="F301" i="1"/>
  <c r="F302" i="1"/>
  <c r="F303" i="1"/>
  <c r="F288" i="1"/>
  <c r="F289" i="1"/>
  <c r="F290" i="1"/>
  <c r="F291" i="1"/>
  <c r="F292" i="1"/>
  <c r="F295" i="1"/>
  <c r="F296" i="1"/>
  <c r="F304" i="1"/>
  <c r="F305" i="1"/>
  <c r="F306" i="1"/>
  <c r="F307" i="1"/>
  <c r="F308" i="1"/>
  <c r="F309" i="1"/>
  <c r="F310" i="1"/>
  <c r="F311" i="1"/>
  <c r="F312" i="1"/>
  <c r="F315" i="1"/>
  <c r="F316" i="1"/>
  <c r="F317" i="1"/>
  <c r="F321" i="1"/>
  <c r="F318" i="1"/>
  <c r="F320" i="1"/>
  <c r="F323" i="1"/>
  <c r="F324" i="1"/>
  <c r="F326" i="1"/>
  <c r="F325" i="1"/>
  <c r="F328" i="1"/>
  <c r="F329" i="1"/>
  <c r="F332" i="1"/>
  <c r="F333" i="1"/>
  <c r="F335" i="1"/>
  <c r="F336" i="1"/>
  <c r="F337" i="1"/>
  <c r="F339" i="1"/>
  <c r="F340" i="1"/>
  <c r="F342" i="1"/>
  <c r="F343" i="1"/>
  <c r="F344" i="1"/>
  <c r="F345" i="1"/>
  <c r="F322" i="1"/>
  <c r="F327" i="1"/>
  <c r="F330" i="1"/>
  <c r="F331" i="1"/>
  <c r="F346" i="1"/>
  <c r="F347" i="1"/>
  <c r="F348" i="1"/>
  <c r="F370" i="1"/>
  <c r="F371" i="1"/>
  <c r="F349" i="1"/>
  <c r="F350" i="1"/>
  <c r="F352" i="1"/>
  <c r="F353" i="1"/>
  <c r="F354" i="1"/>
  <c r="F356" i="1"/>
  <c r="F357" i="1"/>
  <c r="F358" i="1"/>
  <c r="F359" i="1"/>
  <c r="F360" i="1"/>
  <c r="F361" i="1"/>
  <c r="F362" i="1"/>
  <c r="F363" i="1"/>
  <c r="F364" i="1"/>
  <c r="F365" i="1"/>
  <c r="F366" i="1"/>
  <c r="F367" i="1"/>
  <c r="F369" i="1"/>
  <c r="F368" i="1"/>
  <c r="F372" i="1"/>
  <c r="F351" i="1"/>
  <c r="F355" i="1"/>
  <c r="F373" i="1"/>
  <c r="F374" i="1"/>
  <c r="F378" i="1"/>
  <c r="F379" i="1"/>
  <c r="F380" i="1"/>
  <c r="F382" i="1"/>
  <c r="F386" i="1"/>
  <c r="F387" i="1"/>
  <c r="F392" i="1"/>
  <c r="F393" i="1"/>
  <c r="F394" i="1"/>
  <c r="F395" i="1"/>
  <c r="F400" i="1"/>
  <c r="F399" i="1"/>
  <c r="F405" i="1"/>
  <c r="F406" i="1"/>
  <c r="F413" i="1"/>
  <c r="F415" i="1"/>
  <c r="F420" i="1"/>
  <c r="F375" i="1"/>
  <c r="F376" i="1"/>
  <c r="F377" i="1"/>
  <c r="F381" i="1"/>
  <c r="F383" i="1"/>
  <c r="F384" i="1"/>
  <c r="F385" i="1"/>
  <c r="F388" i="1"/>
  <c r="F389" i="1"/>
  <c r="F390" i="1"/>
  <c r="F391" i="1"/>
  <c r="F398" i="1"/>
  <c r="F396" i="1"/>
  <c r="F397" i="1"/>
  <c r="F401" i="1"/>
  <c r="F402" i="1"/>
  <c r="F403" i="1"/>
  <c r="F404" i="1"/>
  <c r="F407" i="1"/>
  <c r="F408" i="1"/>
  <c r="F409" i="1"/>
  <c r="F410" i="1"/>
  <c r="F411" i="1"/>
  <c r="F412" i="1"/>
  <c r="F416" i="1"/>
  <c r="F417" i="1"/>
  <c r="F418" i="1"/>
  <c r="F419" i="1"/>
  <c r="F421" i="1"/>
  <c r="F422" i="1"/>
  <c r="F423" i="1"/>
  <c r="F424" i="1"/>
  <c r="F425" i="1"/>
  <c r="F426" i="1"/>
  <c r="F427" i="1"/>
  <c r="F428" i="1"/>
  <c r="F429" i="1"/>
  <c r="F441" i="1"/>
  <c r="F442" i="1"/>
  <c r="F446" i="1"/>
  <c r="F457" i="1"/>
  <c r="F468" i="1"/>
  <c r="F469" i="1"/>
  <c r="F477" i="1"/>
  <c r="F479" i="1"/>
  <c r="F481" i="1"/>
  <c r="F430" i="1"/>
  <c r="F433" i="1"/>
  <c r="F435" i="1"/>
  <c r="F437" i="1"/>
  <c r="F438" i="1"/>
  <c r="F439" i="1"/>
  <c r="F440" i="1"/>
  <c r="F445" i="1"/>
  <c r="F447" i="1"/>
  <c r="F453" i="1"/>
  <c r="F454" i="1"/>
  <c r="F456" i="1"/>
  <c r="F458" i="1"/>
  <c r="F460" i="1"/>
  <c r="F461" i="1"/>
  <c r="F462" i="1"/>
  <c r="F463" i="1"/>
  <c r="F464" i="1"/>
  <c r="F465" i="1"/>
  <c r="F466" i="1"/>
  <c r="F467" i="1"/>
  <c r="F470" i="1"/>
  <c r="F473" i="1"/>
  <c r="F474" i="1"/>
  <c r="F482" i="1"/>
  <c r="F483" i="1"/>
  <c r="F444" i="1"/>
  <c r="F450" i="1"/>
  <c r="F451" i="1"/>
  <c r="F478" i="1"/>
  <c r="F434" i="1"/>
  <c r="F436" i="1"/>
  <c r="F448" i="1"/>
  <c r="F459" i="1"/>
  <c r="F471" i="1"/>
  <c r="F472" i="1"/>
  <c r="F484" i="1"/>
  <c r="F485" i="1"/>
  <c r="F486" i="1"/>
  <c r="F487" i="1"/>
  <c r="F488" i="1"/>
  <c r="F489" i="1"/>
  <c r="F494" i="1"/>
  <c r="F495" i="1"/>
  <c r="F499" i="1"/>
  <c r="F498" i="1"/>
  <c r="F500" i="1"/>
  <c r="F501" i="1"/>
  <c r="F502" i="1"/>
  <c r="F503" i="1"/>
  <c r="F508" i="1"/>
  <c r="F514" i="1"/>
  <c r="F515" i="1"/>
  <c r="F516" i="1"/>
  <c r="F517" i="1"/>
  <c r="F518" i="1"/>
  <c r="F519" i="1"/>
  <c r="F520" i="1"/>
  <c r="F491" i="1"/>
  <c r="F492" i="1"/>
  <c r="F496" i="1"/>
  <c r="F497" i="1"/>
  <c r="F504" i="1"/>
  <c r="F505" i="1"/>
  <c r="F506" i="1"/>
  <c r="F507" i="1"/>
  <c r="F509" i="1"/>
  <c r="F510" i="1"/>
  <c r="F511" i="1"/>
  <c r="F512" i="1"/>
  <c r="F513" i="1"/>
  <c r="F521" i="1"/>
  <c r="F493" i="1"/>
  <c r="F522" i="1"/>
  <c r="F523" i="1"/>
  <c r="F541" i="1"/>
  <c r="F524" i="1"/>
  <c r="F525" i="1"/>
  <c r="F526" i="1"/>
  <c r="F527" i="1"/>
  <c r="F529" i="1"/>
  <c r="F531" i="1"/>
  <c r="F532" i="1"/>
  <c r="F533" i="1"/>
  <c r="F534" i="1"/>
  <c r="F535" i="1"/>
  <c r="F536" i="1"/>
  <c r="F537" i="1"/>
  <c r="F538" i="1"/>
  <c r="F540" i="1"/>
  <c r="F542" i="1"/>
  <c r="F543" i="1"/>
  <c r="F544" i="1"/>
  <c r="F545" i="1"/>
  <c r="F546" i="1"/>
  <c r="F539" i="1"/>
  <c r="F548" i="1"/>
  <c r="F549" i="1"/>
  <c r="F552" i="1"/>
  <c r="F550" i="1"/>
  <c r="F551" i="1"/>
  <c r="F553" i="1"/>
  <c r="F554" i="1"/>
  <c r="F555" i="1"/>
  <c r="F556" i="1"/>
  <c r="F557" i="1"/>
  <c r="F558" i="1"/>
  <c r="F559" i="1"/>
  <c r="F560" i="1"/>
  <c r="F561" i="1"/>
  <c r="F562" i="1"/>
  <c r="F563" i="1"/>
  <c r="F566" i="1"/>
  <c r="F567" i="1"/>
  <c r="F568" i="1"/>
  <c r="F569" i="1"/>
  <c r="F570" i="1"/>
  <c r="F571" i="1"/>
  <c r="F572" i="1"/>
  <c r="F573" i="1"/>
  <c r="F574" i="1"/>
  <c r="F577" i="1"/>
  <c r="F578" i="1"/>
  <c r="F579" i="1"/>
  <c r="F580" i="1"/>
  <c r="F581" i="1"/>
  <c r="F582" i="1"/>
  <c r="F583" i="1"/>
  <c r="F584" i="1"/>
  <c r="F585" i="1"/>
  <c r="F586" i="1"/>
  <c r="F587" i="1"/>
  <c r="F588" i="1"/>
  <c r="F589" i="1"/>
  <c r="F590" i="1"/>
  <c r="F591" i="1"/>
  <c r="F592" i="1"/>
  <c r="F593" i="1"/>
  <c r="F594" i="1"/>
  <c r="F595" i="1"/>
  <c r="F596" i="1"/>
  <c r="F597" i="1"/>
  <c r="F598" i="1"/>
  <c r="F599" i="1"/>
  <c r="F600" i="1"/>
  <c r="F601" i="1"/>
  <c r="F603" i="1"/>
  <c r="F605" i="1"/>
  <c r="F606" i="1"/>
  <c r="F607" i="1"/>
  <c r="F609" i="1"/>
  <c r="F611" i="1"/>
  <c r="F613" i="1"/>
  <c r="F614" i="1"/>
  <c r="F615" i="1"/>
  <c r="F616" i="1"/>
  <c r="F617" i="1"/>
  <c r="F618" i="1"/>
  <c r="F619" i="1"/>
  <c r="F620" i="1"/>
  <c r="F621" i="1"/>
  <c r="F623" i="1"/>
  <c r="F624" i="1"/>
  <c r="F625" i="1"/>
  <c r="F608" i="1"/>
  <c r="F626" i="1"/>
  <c r="F627" i="1"/>
  <c r="F630" i="1"/>
  <c r="F631" i="1"/>
  <c r="F632" i="1"/>
  <c r="F633" i="1"/>
  <c r="F634" i="1"/>
  <c r="F636" i="1"/>
  <c r="F639" i="1"/>
  <c r="F638" i="1"/>
  <c r="F637" i="1"/>
  <c r="F640" i="1"/>
  <c r="F641" i="1"/>
  <c r="F642" i="1"/>
  <c r="F643" i="1"/>
  <c r="F644" i="1"/>
  <c r="F645" i="1"/>
  <c r="F646" i="1"/>
  <c r="F647" i="1"/>
  <c r="F649" i="1"/>
  <c r="F628" i="1"/>
  <c r="F629" i="1"/>
  <c r="F651" i="1"/>
  <c r="F652" i="1"/>
  <c r="F655" i="1"/>
  <c r="F653" i="1"/>
  <c r="F654" i="1"/>
  <c r="F656" i="1"/>
  <c r="F657" i="1"/>
  <c r="F658" i="1"/>
  <c r="F659" i="1"/>
  <c r="F660" i="1"/>
  <c r="F661" i="1"/>
  <c r="F662" i="1"/>
  <c r="F806" i="1"/>
  <c r="F663" i="1"/>
  <c r="F664" i="1"/>
  <c r="F665" i="1"/>
  <c r="F666" i="1"/>
  <c r="F667" i="1"/>
  <c r="F668" i="1"/>
  <c r="F669" i="1"/>
  <c r="F670" i="1"/>
  <c r="F671" i="1"/>
  <c r="F676" i="1"/>
  <c r="F677" i="1"/>
  <c r="F678" i="1"/>
  <c r="F685" i="1"/>
  <c r="F679" i="1"/>
  <c r="F680" i="1"/>
  <c r="F681" i="1"/>
  <c r="F682" i="1"/>
  <c r="F684" i="1"/>
  <c r="F683" i="1"/>
  <c r="F686" i="1"/>
  <c r="F687" i="1"/>
  <c r="F688" i="1"/>
  <c r="F689" i="1"/>
  <c r="F690" i="1"/>
  <c r="F691" i="1"/>
  <c r="F692" i="1"/>
  <c r="F693" i="1"/>
  <c r="F694" i="1"/>
  <c r="F695" i="1"/>
  <c r="F696" i="1"/>
  <c r="F699" i="1"/>
  <c r="F698" i="1"/>
  <c r="F701" i="1"/>
  <c r="F702" i="1"/>
  <c r="F703" i="1"/>
  <c r="F704" i="1"/>
  <c r="F706" i="1"/>
  <c r="F705" i="1"/>
  <c r="F707" i="1"/>
  <c r="F708" i="1"/>
  <c r="F710" i="1"/>
  <c r="F711" i="1"/>
  <c r="F714" i="1"/>
  <c r="F722" i="1"/>
  <c r="F723" i="1"/>
  <c r="F724" i="1"/>
  <c r="F725" i="1"/>
  <c r="F729" i="1"/>
  <c r="F727" i="1"/>
  <c r="F728" i="1"/>
  <c r="F730" i="1"/>
  <c r="F731" i="1"/>
  <c r="F732" i="1"/>
  <c r="F733" i="1"/>
  <c r="F734" i="1"/>
  <c r="F737" i="1"/>
  <c r="F739" i="1"/>
  <c r="F740" i="1"/>
  <c r="F741" i="1"/>
  <c r="F742" i="1"/>
  <c r="F743" i="1"/>
  <c r="F744" i="1"/>
  <c r="F745" i="1"/>
  <c r="F746" i="1"/>
  <c r="F748" i="1"/>
  <c r="F749" i="1"/>
  <c r="F750" i="1"/>
  <c r="F751" i="1"/>
  <c r="F752" i="1"/>
  <c r="F753" i="1"/>
  <c r="F754" i="1"/>
  <c r="F755" i="1"/>
  <c r="F758" i="1"/>
  <c r="F759" i="1"/>
  <c r="F760" i="1"/>
  <c r="F761" i="1"/>
  <c r="F762" i="1"/>
  <c r="F769" i="1"/>
  <c r="F770" i="1"/>
  <c r="F766" i="1"/>
  <c r="F765" i="1"/>
  <c r="F768" i="1"/>
  <c r="F763" i="1"/>
  <c r="F764" i="1"/>
  <c r="F771" i="1"/>
  <c r="F767" i="1"/>
  <c r="F772" i="1"/>
  <c r="F774" i="1"/>
  <c r="F775" i="1"/>
  <c r="F776" i="1"/>
  <c r="F777" i="1"/>
  <c r="F779" i="1"/>
  <c r="F780" i="1"/>
  <c r="F782" i="1"/>
  <c r="F783" i="1"/>
  <c r="F784" i="1"/>
  <c r="F785" i="1"/>
  <c r="F786" i="1"/>
  <c r="F787" i="1"/>
  <c r="F790" i="1"/>
  <c r="F791" i="1"/>
  <c r="F792" i="1"/>
  <c r="F793" i="1"/>
  <c r="F795" i="1"/>
  <c r="F797" i="1"/>
  <c r="F796" i="1"/>
  <c r="F798" i="1"/>
  <c r="F799" i="1"/>
  <c r="F800" i="1"/>
  <c r="F801" i="1"/>
  <c r="F802" i="1"/>
  <c r="F803" i="1"/>
  <c r="F804" i="1"/>
  <c r="F805" i="1"/>
  <c r="F807" i="1"/>
  <c r="F808" i="1"/>
  <c r="F811" i="1"/>
  <c r="F812" i="1"/>
  <c r="F713" i="1"/>
  <c r="F712" i="1"/>
  <c r="F815" i="1"/>
  <c r="F672" i="1"/>
  <c r="F673" i="1"/>
  <c r="F674" i="1"/>
  <c r="F675" i="1"/>
  <c r="F697" i="1"/>
  <c r="F700" i="1"/>
  <c r="F709" i="1"/>
  <c r="F715" i="1"/>
  <c r="F716" i="1"/>
  <c r="F717" i="1"/>
  <c r="F718" i="1"/>
  <c r="F719" i="1"/>
  <c r="F720" i="1"/>
  <c r="F721" i="1"/>
  <c r="F726" i="1"/>
  <c r="F735" i="1"/>
  <c r="F736" i="1"/>
  <c r="F738" i="1"/>
  <c r="F747" i="1"/>
  <c r="F756" i="1"/>
  <c r="F757" i="1"/>
  <c r="F773" i="1"/>
  <c r="F778" i="1"/>
  <c r="F781" i="1"/>
  <c r="F788" i="1"/>
  <c r="F789" i="1"/>
  <c r="F794" i="1"/>
  <c r="F809" i="1"/>
  <c r="F810" i="1"/>
  <c r="F813" i="1"/>
  <c r="F814" i="1"/>
  <c r="F816" i="1"/>
  <c r="F817" i="1"/>
  <c r="F818" i="1"/>
  <c r="F820" i="1"/>
  <c r="F819" i="1"/>
  <c r="F821" i="1"/>
  <c r="F822" i="1"/>
  <c r="F823" i="1"/>
  <c r="F824" i="1"/>
  <c r="F826" i="1"/>
  <c r="F829" i="1"/>
  <c r="F831" i="1"/>
  <c r="F832" i="1"/>
  <c r="F833" i="1"/>
  <c r="F834" i="1"/>
  <c r="F835" i="1"/>
  <c r="F836" i="1"/>
  <c r="F837" i="1"/>
  <c r="F838" i="1"/>
  <c r="F839" i="1"/>
  <c r="F840" i="1"/>
  <c r="F841" i="1"/>
  <c r="F843" i="1"/>
  <c r="F844" i="1"/>
  <c r="F846" i="1"/>
  <c r="F847" i="1"/>
  <c r="F849" i="1"/>
  <c r="F850" i="1"/>
  <c r="F855" i="1"/>
  <c r="F856" i="1"/>
  <c r="F858" i="1"/>
  <c r="F860" i="1"/>
  <c r="F861" i="1"/>
  <c r="F825" i="1"/>
  <c r="F827" i="1"/>
  <c r="F828" i="1"/>
  <c r="F830" i="1"/>
  <c r="F851" i="1"/>
  <c r="F852" i="1"/>
  <c r="F853" i="1"/>
  <c r="F854" i="1"/>
  <c r="F857" i="1"/>
  <c r="F859" i="1"/>
  <c r="F862" i="1"/>
  <c r="F863" i="1"/>
  <c r="F864" i="1"/>
  <c r="F865" i="1"/>
  <c r="F866" i="1"/>
  <c r="F867" i="1"/>
  <c r="F868" i="1"/>
  <c r="F870" i="1"/>
  <c r="F872" i="1"/>
  <c r="F873" i="1"/>
  <c r="F874" i="1"/>
  <c r="F876" i="1"/>
  <c r="F877" i="1"/>
  <c r="F878" i="1"/>
  <c r="F880" i="1"/>
  <c r="F869" i="1"/>
  <c r="F871" i="1"/>
  <c r="F875" i="1"/>
  <c r="F879" i="1"/>
  <c r="F881" i="1"/>
  <c r="F882" i="1"/>
  <c r="F883" i="1"/>
  <c r="F884" i="1"/>
  <c r="F889" i="1"/>
  <c r="F885" i="1"/>
  <c r="F886" i="1"/>
  <c r="F888" i="1"/>
  <c r="F890" i="1"/>
  <c r="F891" i="1"/>
  <c r="F892" i="1"/>
  <c r="F893" i="1"/>
  <c r="F894" i="1"/>
  <c r="F895" i="1"/>
  <c r="F897" i="1"/>
  <c r="F898" i="1"/>
  <c r="F899" i="1"/>
  <c r="F900" i="1"/>
  <c r="F901" i="1"/>
  <c r="F902" i="1"/>
  <c r="F903" i="1"/>
  <c r="F904" i="1"/>
  <c r="F905" i="1"/>
  <c r="F906" i="1"/>
  <c r="F907" i="1"/>
  <c r="F908" i="1"/>
  <c r="F909" i="1"/>
  <c r="F887" i="1"/>
  <c r="F896" i="1"/>
  <c r="F910" i="1"/>
  <c r="F911" i="1"/>
  <c r="F912" i="1"/>
  <c r="F913" i="1"/>
  <c r="F914" i="1"/>
  <c r="F916" i="1"/>
  <c r="F917" i="1"/>
  <c r="F918" i="1"/>
  <c r="F919" i="1"/>
  <c r="F921" i="1"/>
  <c r="F922" i="1"/>
  <c r="F923" i="1"/>
  <c r="F924" i="1"/>
  <c r="F925" i="1"/>
  <c r="F926" i="1"/>
  <c r="F927" i="1"/>
  <c r="F929" i="1"/>
  <c r="F943" i="1"/>
  <c r="F944" i="1"/>
  <c r="F948" i="1"/>
  <c r="F949" i="1"/>
  <c r="F959" i="1"/>
  <c r="F960" i="1"/>
  <c r="F964" i="1"/>
  <c r="F965" i="1"/>
  <c r="F966" i="1"/>
  <c r="F967" i="1"/>
  <c r="F928" i="1"/>
  <c r="F930" i="1"/>
  <c r="F931" i="1"/>
  <c r="F932" i="1"/>
  <c r="F933" i="1"/>
  <c r="F934" i="1"/>
  <c r="F935" i="1"/>
  <c r="F938" i="1"/>
  <c r="F939" i="1"/>
  <c r="F940" i="1"/>
  <c r="F941" i="1"/>
  <c r="F945" i="1"/>
  <c r="F947" i="1"/>
  <c r="F950" i="1"/>
  <c r="F951" i="1"/>
  <c r="F952" i="1"/>
  <c r="F953" i="1"/>
  <c r="F954" i="1"/>
  <c r="F936" i="1"/>
  <c r="F955" i="1"/>
  <c r="F956" i="1"/>
  <c r="F957" i="1"/>
  <c r="F958" i="1"/>
  <c r="F961" i="1"/>
  <c r="F962" i="1"/>
  <c r="F937" i="1"/>
  <c r="F963" i="1"/>
  <c r="F968" i="1"/>
  <c r="F971" i="1"/>
  <c r="F942" i="1"/>
  <c r="F946" i="1"/>
  <c r="F969" i="1"/>
  <c r="F970" i="1"/>
  <c r="F972" i="1"/>
  <c r="F973" i="1"/>
  <c r="F974" i="1"/>
  <c r="F975" i="1"/>
  <c r="F976" i="1"/>
  <c r="F977" i="1"/>
  <c r="F978" i="1"/>
  <c r="F979" i="1"/>
  <c r="F980" i="1"/>
  <c r="F981" i="1"/>
  <c r="F982" i="1"/>
  <c r="F983" i="1"/>
  <c r="F984" i="1"/>
  <c r="F985" i="1"/>
  <c r="F986" i="1"/>
  <c r="F987" i="1"/>
  <c r="F988" i="1"/>
  <c r="F989" i="1"/>
  <c r="F990" i="1"/>
  <c r="F991" i="1"/>
  <c r="F992" i="1"/>
  <c r="F993" i="1"/>
  <c r="F994" i="1"/>
  <c r="F995" i="1"/>
  <c r="F996" i="1"/>
  <c r="F997" i="1"/>
  <c r="F998" i="1"/>
  <c r="F999" i="1"/>
  <c r="F1000" i="1"/>
  <c r="F1001" i="1"/>
  <c r="F1002" i="1"/>
  <c r="F1003" i="1"/>
  <c r="F1004" i="1"/>
  <c r="F1005" i="1"/>
  <c r="F1006" i="1"/>
  <c r="F1007" i="1"/>
  <c r="F1008" i="1"/>
  <c r="F1009" i="1"/>
  <c r="F1010" i="1"/>
  <c r="F1011" i="1"/>
  <c r="F1012" i="1"/>
  <c r="F1013" i="1"/>
  <c r="F1014" i="1"/>
  <c r="F1015" i="1"/>
  <c r="F1016" i="1"/>
  <c r="F1017" i="1"/>
  <c r="F1018" i="1"/>
  <c r="F1019" i="1"/>
  <c r="F1020" i="1"/>
  <c r="F1021" i="1"/>
  <c r="F1022" i="1"/>
  <c r="F1023" i="1"/>
  <c r="F1024" i="1"/>
  <c r="F1025" i="1"/>
  <c r="F1026" i="1"/>
  <c r="F1027" i="1"/>
  <c r="F1028" i="1"/>
  <c r="F1029" i="1"/>
  <c r="F1030" i="1"/>
  <c r="F1031" i="1"/>
  <c r="F1032" i="1"/>
  <c r="F1033" i="1"/>
  <c r="F1034" i="1"/>
  <c r="F1035" i="1"/>
  <c r="F1036" i="1"/>
  <c r="F1037" i="1"/>
  <c r="F1038" i="1"/>
  <c r="F1039" i="1"/>
  <c r="F1040" i="1"/>
  <c r="F1041" i="1"/>
  <c r="F1042" i="1"/>
  <c r="F1043" i="1"/>
  <c r="F1044" i="1"/>
  <c r="F1045" i="1"/>
  <c r="F1047" i="1"/>
  <c r="F1048" i="1"/>
  <c r="F1049" i="1"/>
  <c r="F1050" i="1"/>
  <c r="F1051" i="1"/>
  <c r="F1052" i="1"/>
  <c r="F1053" i="1"/>
  <c r="F1054" i="1"/>
  <c r="F1055" i="1"/>
  <c r="F1057" i="1"/>
  <c r="F1058" i="1"/>
  <c r="F1059" i="1"/>
  <c r="F1060" i="1"/>
  <c r="F1061" i="1"/>
  <c r="F1062" i="1"/>
  <c r="F1063" i="1"/>
  <c r="F1064" i="1"/>
  <c r="F1065" i="1"/>
  <c r="F1066" i="1"/>
  <c r="F1067" i="1"/>
  <c r="F1068" i="1"/>
  <c r="F1069" i="1"/>
  <c r="F1070" i="1"/>
  <c r="F1071" i="1"/>
  <c r="F1072" i="1"/>
  <c r="F1073" i="1"/>
  <c r="F1074" i="1"/>
  <c r="F1075" i="1"/>
  <c r="F1076" i="1"/>
  <c r="F1077" i="1"/>
  <c r="F1078" i="1"/>
  <c r="F1079" i="1"/>
  <c r="F1080" i="1"/>
  <c r="F1081" i="1"/>
  <c r="F1082" i="1"/>
  <c r="F1083" i="1"/>
  <c r="F1084" i="1"/>
  <c r="F1085" i="1"/>
  <c r="F1086" i="1"/>
  <c r="F1087" i="1"/>
  <c r="F1088" i="1"/>
  <c r="F1089" i="1"/>
  <c r="F1090" i="1"/>
  <c r="F1091" i="1"/>
  <c r="F1092" i="1"/>
  <c r="F1093" i="1"/>
  <c r="F1094" i="1"/>
  <c r="F1095" i="1"/>
  <c r="F1096" i="1"/>
  <c r="F1097" i="1"/>
  <c r="F1098" i="1"/>
  <c r="F1099" i="1"/>
  <c r="F1100" i="1"/>
  <c r="F1101" i="1"/>
  <c r="F1102" i="1"/>
  <c r="F1103" i="1"/>
  <c r="F1104" i="1"/>
  <c r="F1105" i="1"/>
  <c r="F1106" i="1"/>
  <c r="F1107" i="1"/>
  <c r="F1108" i="1"/>
  <c r="F1109" i="1"/>
  <c r="F1110" i="1"/>
  <c r="F1111" i="1"/>
  <c r="F1112" i="1"/>
  <c r="F1113" i="1"/>
  <c r="F1114" i="1"/>
  <c r="F1115" i="1"/>
  <c r="F1116" i="1"/>
  <c r="F1117" i="1"/>
  <c r="F1118" i="1"/>
  <c r="F1119" i="1"/>
  <c r="F1120" i="1"/>
  <c r="F1121" i="1"/>
  <c r="F1122" i="1"/>
  <c r="F1123" i="1"/>
  <c r="F1124" i="1"/>
  <c r="F1125" i="1"/>
  <c r="F1126" i="1"/>
  <c r="F1128" i="1"/>
  <c r="F1129" i="1"/>
  <c r="F1130" i="1"/>
  <c r="F1131" i="1"/>
  <c r="F1132" i="1"/>
  <c r="F1133" i="1"/>
  <c r="F1134" i="1"/>
  <c r="F1135" i="1"/>
  <c r="F1136" i="1"/>
  <c r="F1137" i="1"/>
  <c r="F1138" i="1"/>
  <c r="F1140" i="1"/>
  <c r="F1141" i="1"/>
  <c r="F1139" i="1"/>
  <c r="F1142" i="1"/>
  <c r="F1143" i="1"/>
  <c r="F1144" i="1"/>
  <c r="F1145" i="1"/>
  <c r="F1146" i="1"/>
  <c r="F1147" i="1"/>
  <c r="F1148" i="1"/>
  <c r="F1149" i="1"/>
  <c r="F1150" i="1"/>
  <c r="F1151" i="1"/>
  <c r="F1152" i="1"/>
  <c r="F1153" i="1"/>
  <c r="F1154" i="1"/>
  <c r="F1155" i="1"/>
  <c r="F1156" i="1"/>
  <c r="F1157" i="1"/>
  <c r="F1158" i="1"/>
  <c r="F1159" i="1"/>
  <c r="F1160" i="1"/>
  <c r="F1161" i="1"/>
  <c r="F1162" i="1"/>
  <c r="F1163" i="1"/>
  <c r="F1164" i="1"/>
  <c r="F1165" i="1"/>
  <c r="F1166" i="1"/>
  <c r="F1167" i="1"/>
  <c r="F1168" i="1"/>
  <c r="F1170" i="1"/>
  <c r="F1171" i="1"/>
  <c r="F1172" i="1"/>
  <c r="F1173" i="1"/>
  <c r="F1176" i="1"/>
  <c r="F1177" i="1"/>
  <c r="F1178" i="1"/>
  <c r="F1179" i="1"/>
  <c r="F1181" i="1"/>
  <c r="F1182" i="1"/>
  <c r="F1183" i="1"/>
  <c r="F1184" i="1"/>
  <c r="F1185" i="1"/>
  <c r="F1186" i="1"/>
  <c r="F1187" i="1"/>
  <c r="F1188" i="1"/>
  <c r="F1189" i="1"/>
  <c r="F1191" i="1"/>
  <c r="F1190" i="1"/>
  <c r="F1192" i="1"/>
  <c r="F1193" i="1"/>
  <c r="F1195" i="1"/>
  <c r="F1169" i="1"/>
  <c r="F1174" i="1"/>
  <c r="F1175" i="1"/>
  <c r="F1180" i="1"/>
  <c r="F1194" i="1"/>
  <c r="F1196" i="1"/>
  <c r="F1197" i="1"/>
  <c r="F1198" i="1"/>
  <c r="F1199" i="1"/>
  <c r="F1200" i="1"/>
  <c r="F1201" i="1"/>
  <c r="F1203" i="1"/>
  <c r="F1204" i="1"/>
  <c r="F1202" i="1"/>
  <c r="F1205" i="1"/>
  <c r="F1206" i="1"/>
  <c r="F1207" i="1"/>
  <c r="F1208" i="1"/>
  <c r="F1209" i="1"/>
  <c r="F1210" i="1"/>
  <c r="F1211" i="1"/>
  <c r="F1212" i="1"/>
  <c r="F1216" i="1"/>
  <c r="F1217" i="1"/>
  <c r="F1218" i="1"/>
  <c r="F1219" i="1"/>
  <c r="F1220" i="1"/>
  <c r="F1221" i="1"/>
  <c r="F1222" i="1"/>
  <c r="F1224" i="1"/>
  <c r="F1225" i="1"/>
  <c r="F1229" i="1"/>
  <c r="F1227" i="1"/>
  <c r="F1230" i="1"/>
  <c r="F1231" i="1"/>
  <c r="F1232" i="1"/>
  <c r="F1233" i="1"/>
  <c r="F1234" i="1"/>
  <c r="F1235" i="1"/>
  <c r="F1236" i="1"/>
  <c r="F1238" i="1"/>
  <c r="F1239" i="1"/>
  <c r="F1240" i="1"/>
  <c r="F1241" i="1"/>
  <c r="F1243" i="1"/>
  <c r="F1244" i="1"/>
  <c r="F1228" i="1"/>
  <c r="F1237" i="1"/>
  <c r="F1245" i="1"/>
  <c r="F1246" i="1"/>
  <c r="F1247" i="1"/>
  <c r="F1248" i="1"/>
  <c r="F1249" i="1"/>
  <c r="F1250" i="1"/>
  <c r="F1251" i="1"/>
  <c r="F1252" i="1"/>
  <c r="F1253" i="1"/>
  <c r="F1254" i="1"/>
  <c r="F1255" i="1"/>
  <c r="F1256" i="1"/>
  <c r="F1257" i="1"/>
  <c r="F1258" i="1"/>
  <c r="F1259" i="1"/>
  <c r="F1260" i="1"/>
  <c r="F1261" i="1"/>
  <c r="F1262" i="1"/>
  <c r="F1279" i="1"/>
  <c r="F1263" i="1"/>
  <c r="F1264" i="1"/>
  <c r="F1265" i="1"/>
  <c r="F1266" i="1"/>
  <c r="F1267" i="1"/>
  <c r="F1268" i="1"/>
  <c r="F1269" i="1"/>
  <c r="F1270" i="1"/>
  <c r="F1271" i="1"/>
  <c r="F1272" i="1"/>
  <c r="F1273" i="1"/>
  <c r="F1274" i="1"/>
  <c r="F1275" i="1"/>
  <c r="F1276" i="1"/>
  <c r="F1277" i="1"/>
  <c r="F1278" i="1"/>
  <c r="F1280" i="1"/>
  <c r="F1281" i="1"/>
  <c r="F1283" i="1"/>
  <c r="F1284" i="1"/>
  <c r="F1285" i="1"/>
  <c r="F1282" i="1"/>
  <c r="F1286" i="1"/>
  <c r="F1287" i="1"/>
  <c r="F1288" i="1"/>
  <c r="F1289" i="1"/>
  <c r="F1290" i="1"/>
  <c r="F1291" i="1"/>
  <c r="F1295" i="1"/>
  <c r="F1296" i="1"/>
  <c r="F1303" i="1"/>
  <c r="F1311" i="1"/>
  <c r="F1292" i="1"/>
  <c r="F1293" i="1"/>
  <c r="F1294" i="1"/>
  <c r="F1297" i="1"/>
  <c r="F1298" i="1"/>
  <c r="F1300" i="1"/>
  <c r="F1301" i="1"/>
  <c r="F1305" i="1"/>
  <c r="F1302" i="1"/>
  <c r="F1304" i="1"/>
  <c r="F1308" i="1"/>
  <c r="F1309" i="1"/>
  <c r="F1310" i="1"/>
  <c r="F1313" i="1"/>
  <c r="F1314" i="1"/>
  <c r="F1315" i="1"/>
  <c r="F1316" i="1"/>
  <c r="F1317" i="1"/>
  <c r="F1318" i="1"/>
  <c r="F1319" i="1"/>
  <c r="F1320" i="1"/>
  <c r="F1321" i="1"/>
  <c r="F1322" i="1"/>
  <c r="F1324" i="1"/>
  <c r="F1325" i="1"/>
  <c r="F1326" i="1"/>
  <c r="F1329" i="1"/>
  <c r="F1332" i="1"/>
  <c r="F1334" i="1"/>
  <c r="F1335" i="1"/>
  <c r="F1336" i="1"/>
  <c r="F1337" i="1"/>
  <c r="F1338" i="1"/>
  <c r="F1339" i="1"/>
  <c r="F1340" i="1"/>
  <c r="F1341" i="1"/>
  <c r="F1343" i="1"/>
  <c r="F1344" i="1"/>
  <c r="F1348" i="1"/>
  <c r="F1349" i="1"/>
  <c r="F1299" i="1"/>
  <c r="F1306" i="1"/>
  <c r="F1307" i="1"/>
  <c r="F1312" i="1"/>
  <c r="F1323" i="1"/>
  <c r="F1327" i="1"/>
  <c r="F1328" i="1"/>
  <c r="F1330" i="1"/>
  <c r="F1331" i="1"/>
  <c r="F1333" i="1"/>
  <c r="F1346" i="1"/>
  <c r="F1345" i="1"/>
  <c r="F1347" i="1"/>
  <c r="F1350" i="1"/>
  <c r="F1351" i="1"/>
  <c r="F1352" i="1"/>
  <c r="F1353" i="1"/>
  <c r="F1354" i="1"/>
  <c r="F1355" i="1"/>
  <c r="F1356" i="1"/>
  <c r="F1358" i="1"/>
  <c r="F1361" i="1"/>
  <c r="F1362" i="1"/>
  <c r="F1363" i="1"/>
  <c r="F1364" i="1"/>
  <c r="F1365" i="1"/>
  <c r="F1366" i="1"/>
  <c r="F1367" i="1"/>
  <c r="F1368" i="1"/>
  <c r="F1369" i="1"/>
  <c r="F1370" i="1"/>
  <c r="F1371" i="1"/>
  <c r="F1357" i="1"/>
  <c r="F1359" i="1"/>
  <c r="F1360" i="1"/>
  <c r="F1372" i="1"/>
  <c r="F1373" i="1"/>
  <c r="F1374" i="1"/>
  <c r="F1375" i="1"/>
  <c r="F1376" i="1"/>
  <c r="F1377" i="1"/>
  <c r="F1378" i="1"/>
  <c r="F1379" i="1"/>
  <c r="F1380" i="1"/>
  <c r="F1381" i="1"/>
  <c r="F1382" i="1"/>
  <c r="F1383" i="1"/>
  <c r="F1395" i="1"/>
  <c r="F1396" i="1"/>
  <c r="F1384" i="1"/>
  <c r="F1385" i="1"/>
  <c r="F1386" i="1"/>
  <c r="F1387" i="1"/>
  <c r="F1388" i="1"/>
  <c r="F1389" i="1"/>
  <c r="F1391" i="1"/>
  <c r="F1392" i="1"/>
  <c r="F1390" i="1"/>
  <c r="F1393" i="1"/>
  <c r="F1394" i="1"/>
  <c r="F1398" i="1"/>
  <c r="F1399" i="1"/>
  <c r="F1401" i="1"/>
  <c r="F1402" i="1"/>
  <c r="F1405" i="1"/>
  <c r="F1406" i="1"/>
  <c r="F1407" i="1"/>
  <c r="F1408" i="1"/>
  <c r="F1409" i="1"/>
  <c r="F1410" i="1"/>
  <c r="F1411" i="1"/>
  <c r="F1412" i="1"/>
  <c r="F1415" i="1"/>
  <c r="F1400" i="1"/>
  <c r="F1413" i="1"/>
  <c r="F1414" i="1"/>
  <c r="F1416" i="1"/>
  <c r="F1417" i="1"/>
  <c r="F1419" i="1"/>
  <c r="F1426" i="1"/>
  <c r="F1418" i="1"/>
  <c r="F1421" i="1"/>
  <c r="F1422" i="1"/>
  <c r="F1423" i="1"/>
  <c r="F1424" i="1"/>
  <c r="F1425" i="1"/>
  <c r="F45" i="1" l="1"/>
  <c r="F40" i="1"/>
  <c r="F34" i="1"/>
  <c r="F32" i="1"/>
  <c r="F30" i="1"/>
  <c r="F29" i="1"/>
  <c r="F27" i="1"/>
  <c r="F22" i="1"/>
  <c r="F20" i="1"/>
  <c r="F16" i="1"/>
  <c r="F49" i="1"/>
  <c r="F48" i="1"/>
  <c r="F47" i="1"/>
  <c r="F46" i="1"/>
  <c r="F44" i="1"/>
  <c r="F43" i="1"/>
  <c r="F42" i="1"/>
  <c r="F41" i="1"/>
  <c r="F39" i="1"/>
  <c r="F38" i="1"/>
  <c r="F37" i="1"/>
  <c r="F36" i="1"/>
  <c r="F21" i="1"/>
  <c r="F23" i="1"/>
  <c r="F24" i="1"/>
  <c r="F25" i="1"/>
  <c r="F26" i="1"/>
  <c r="F28" i="1"/>
  <c r="F31" i="1"/>
  <c r="F33" i="1"/>
  <c r="F35" i="1" l="1"/>
  <c r="F14" i="1"/>
  <c r="F15" i="1"/>
  <c r="F17" i="1"/>
  <c r="F18" i="1"/>
  <c r="F19" i="1"/>
  <c r="F11" i="1"/>
  <c r="F1427" i="1" l="1"/>
</calcChain>
</file>

<file path=xl/sharedStrings.xml><?xml version="1.0" encoding="utf-8"?>
<sst xmlns="http://schemas.openxmlformats.org/spreadsheetml/2006/main" count="4076" uniqueCount="1455">
  <si>
    <t xml:space="preserve">Pedido para suprir demanda de 3 (três) meses </t>
  </si>
  <si>
    <t>QUANTIDADE</t>
  </si>
  <si>
    <t xml:space="preserve">VALOR </t>
  </si>
  <si>
    <t>MEDICAMENTO</t>
  </si>
  <si>
    <t>FORNECEDOR</t>
  </si>
  <si>
    <t>UNI</t>
  </si>
  <si>
    <t>A</t>
  </si>
  <si>
    <t>UNITÁRIO</t>
  </si>
  <si>
    <t>VALOR TOTAL</t>
  </si>
  <si>
    <t>SOLICITAR</t>
  </si>
  <si>
    <t>LICITADO</t>
  </si>
  <si>
    <t>PREGÃO 01/2017</t>
  </si>
  <si>
    <t xml:space="preserve">           PEDIDO DE MEDICAMENTOS </t>
  </si>
  <si>
    <r>
      <t xml:space="preserve">CONISA: </t>
    </r>
    <r>
      <rPr>
        <sz val="20"/>
        <color theme="1"/>
        <rFont val="Times New Roman"/>
        <family val="1"/>
      </rPr>
      <t>Consórcio Intermunicipal De Saúde</t>
    </r>
  </si>
  <si>
    <t>A.G. KIENEN &amp; CIA LTDA</t>
  </si>
  <si>
    <t>A.G.KIENEN</t>
  </si>
  <si>
    <t>AMP</t>
  </si>
  <si>
    <t>COM</t>
  </si>
  <si>
    <t>FRC</t>
  </si>
  <si>
    <t>SCH</t>
  </si>
  <si>
    <t>BNG</t>
  </si>
  <si>
    <t>AGLON COMÉRCIO E REPRESENTAÇÕES LTDA</t>
  </si>
  <si>
    <t>AGLON</t>
  </si>
  <si>
    <t>ALTERMED MATERIAL MÉDICO HOSPITALAR LTDA</t>
  </si>
  <si>
    <t>ALTERMED</t>
  </si>
  <si>
    <t>CX</t>
  </si>
  <si>
    <t>ANGAI DISTRIBUIDORA DE MEDICAMENTOS LTDA</t>
  </si>
  <si>
    <t>ANGAI</t>
  </si>
  <si>
    <t>CART</t>
  </si>
  <si>
    <t>BASCEL SOLUÇÕES LTDA</t>
  </si>
  <si>
    <t>BASCEL</t>
  </si>
  <si>
    <t>CENTERMEDI COMÉRCIO DE PRODUTOS HOSPITALARES</t>
  </si>
  <si>
    <t>CENTERMEDI</t>
  </si>
  <si>
    <t>CIAMED DISTRIBUIDORA DE MEDICAMENTOS LTDA</t>
  </si>
  <si>
    <t>CIAMED</t>
  </si>
  <si>
    <t>CIRURGICA FERNANDES COMÉRCIO DE MAT. CIRURGICO E HOSPITALARES SOC. LIMITADA</t>
  </si>
  <si>
    <t>C. FERNANDES</t>
  </si>
  <si>
    <t>CIRURGICA SANTA CRUZ COMÉRCIO DE PRODUTOS HOSPITALARES LTDA</t>
  </si>
  <si>
    <t>C.SANTA CRUZ</t>
  </si>
  <si>
    <t>COMERCIAL CIRURGICA RIOCLARENSE LTDA</t>
  </si>
  <si>
    <t>C.C. RIOCLARENSE</t>
  </si>
  <si>
    <t>POTE</t>
  </si>
  <si>
    <t>CRT</t>
  </si>
  <si>
    <t>CRISTÁLIA PRODUTOS QUÍMICOS FARMACÊUTICOS LTDA</t>
  </si>
  <si>
    <t>CRISTÁLIA</t>
  </si>
  <si>
    <t>D &amp; D PRODUTOS DE HIGIENE E LIMPEZA LTDA</t>
  </si>
  <si>
    <t>D&amp;D</t>
  </si>
  <si>
    <t>DALBEX COMÉRCIO DE MEDICAMENTOS LTDA</t>
  </si>
  <si>
    <t>DALBEX</t>
  </si>
  <si>
    <t>DAMEDI DAMBRÓS COMÉRCIO DE MEDICAMENTOS</t>
  </si>
  <si>
    <t>DAMEDI</t>
  </si>
  <si>
    <t>DENTAL CREMER PRODUTOS ODONTOLÓGICOS S/A</t>
  </si>
  <si>
    <t>DENTAL CREMER</t>
  </si>
  <si>
    <t>PAR</t>
  </si>
  <si>
    <t>ENV</t>
  </si>
  <si>
    <t>DENTAL PRIME PRODUTOS ODONTOLÓGICOS MÉDICOS HOSPITALARES EIRELI</t>
  </si>
  <si>
    <t>DENTAL PRIME</t>
  </si>
  <si>
    <t>DENTÁRIA E DISTRIBUIDORA HOSPITALAR PORTO ALEGRENSE LTDA</t>
  </si>
  <si>
    <t>PAC</t>
  </si>
  <si>
    <t>DIMASTER COMÉRCIO DE PRODUTOS HOSPITALARES</t>
  </si>
  <si>
    <t>DIMASTER</t>
  </si>
  <si>
    <t>DIMERIOS COMÉRCIO DE MATERIAIS CIRURGICOS</t>
  </si>
  <si>
    <t>DIMERIOS</t>
  </si>
  <si>
    <t>PCT</t>
  </si>
  <si>
    <t>ERIMAR INDÚSTRIA E COMÉRCIO DE PRODUTOS DE SAÚDE LTDA</t>
  </si>
  <si>
    <t>ERIMAR</t>
  </si>
  <si>
    <t>EXTRA DISTRIBUIDORA DE MEDICAMENTOS E PROD. HOSPITALARES LTDA</t>
  </si>
  <si>
    <t>EXTRA</t>
  </si>
  <si>
    <t>ILG COMERCIAL LTDA ME</t>
  </si>
  <si>
    <t>ILG</t>
  </si>
  <si>
    <t>LTA</t>
  </si>
  <si>
    <t>INOVAMED COMÉRCIO DE MEDICAMENTOS LTDA</t>
  </si>
  <si>
    <t>INOVAMED</t>
  </si>
  <si>
    <t>JARDIM COSMÉTICOS LTDA</t>
  </si>
  <si>
    <t>JARDIM</t>
  </si>
  <si>
    <t>LICIMED DIST. DE MEDICAMENTOS, CORRELATOS E PROD. MEDICOS HOSPITALARES</t>
  </si>
  <si>
    <t>LICIMED</t>
  </si>
  <si>
    <t>MAURO MARCIANO COMÉRCIO DE MEDICAMENTOS</t>
  </si>
  <si>
    <t>MAURO</t>
  </si>
  <si>
    <t>MCW PRODUTOS MÉDICOS E HOSPITALARES LTDA</t>
  </si>
  <si>
    <t>MCW</t>
  </si>
  <si>
    <t>MEDFIO INDÚSTRIA E COMÉRCIO DE ARTIGOS ODONTOLÓGICOS LTDA</t>
  </si>
  <si>
    <t>MEDFIO</t>
  </si>
  <si>
    <t>KIT</t>
  </si>
  <si>
    <t>MEDILAR IMP. DISTRIBUIDORA DE PRODUTOS MÉDICOS HOSPITALARES LTDA</t>
  </si>
  <si>
    <t>MEDILAR</t>
  </si>
  <si>
    <t>MEDLEVENSOHN COMÉRCIO E REPRESENTAÇÕES DE PRODUTOS HOSPITALARES LTDA</t>
  </si>
  <si>
    <t>MEDLEVENSOHN</t>
  </si>
  <si>
    <t>MEGA DENTAL IMPORTAÇÃO, EXPORTAÇÃO E COMÉRCIO DE PROD. ODONTOLÓGICOS</t>
  </si>
  <si>
    <t>MEGA DENTAL</t>
  </si>
  <si>
    <t>MERCO SOLUÇÕES EM SAÚDE LTDA</t>
  </si>
  <si>
    <t>MERCO</t>
  </si>
  <si>
    <t xml:space="preserve">METROMED COMÉRCIO DE MATERIAS MÉDICO HOSPITALAR </t>
  </si>
  <si>
    <t>METROMED</t>
  </si>
  <si>
    <t>NDS DISTRIBUIDORA DE MEDICAMENTOS LTDA</t>
  </si>
  <si>
    <t>NDS</t>
  </si>
  <si>
    <t>NUTRIPORT COMERCIAL LTDA</t>
  </si>
  <si>
    <t>NUTRIPORT</t>
  </si>
  <si>
    <t>OPHTALMED DISTRIBUIDORA LTDA</t>
  </si>
  <si>
    <t>OPHTALMED</t>
  </si>
  <si>
    <t xml:space="preserve"> </t>
  </si>
  <si>
    <t>PHARMA LOG PRODUTOS FARMACÊUTICOS LTDA</t>
  </si>
  <si>
    <t>PHARMA LOG</t>
  </si>
  <si>
    <t>ADE</t>
  </si>
  <si>
    <t>PRHODENT</t>
  </si>
  <si>
    <t>PRHODENT- COM. REPR. PROD. HOSP DENT. LTDA</t>
  </si>
  <si>
    <t>PROMEFARMA REPRESENTAÇÕES COMERCIAIS LTDA</t>
  </si>
  <si>
    <t>PROMEFARMA</t>
  </si>
  <si>
    <t>PROSAÚDE DISTRIBUIDORA DE MEDICAMENTOS</t>
  </si>
  <si>
    <t>PROSAÚDE</t>
  </si>
  <si>
    <t>SOMA SC PRODUTOS HOSPITALARES LTDA</t>
  </si>
  <si>
    <t>SOMA SC</t>
  </si>
  <si>
    <t>TOTAL HEALTH DISTRIBUIDORA DE MATERIAIS PARA USO MÉDICO EIRELI</t>
  </si>
  <si>
    <t>TOTAL HEALTH</t>
  </si>
  <si>
    <t>UNIVEN HEALTHCARE LTDA</t>
  </si>
  <si>
    <t>UNIVEN</t>
  </si>
  <si>
    <t>VICTÓRIA COMÉRCIO DE PRODUTOS HOSPITALARES</t>
  </si>
  <si>
    <t>VICTÓRIA</t>
  </si>
  <si>
    <t>WAM-MED DISTRIBUIDORA DE MEDICAMENTOS LTDA</t>
  </si>
  <si>
    <t>WAM-MED</t>
  </si>
  <si>
    <t xml:space="preserve">ACET. BETA.3MG +FOSF DIS BETA 3MG/ML - CELESTONE -UNIAO QUIMICA </t>
  </si>
  <si>
    <t>ANLO.5MG+TELMISARTANA 40MG-CP - BOEHRINGER</t>
  </si>
  <si>
    <t>ANLODIPINO+RAMIPRIL 2,5/5MG-CP - LIBBS</t>
  </si>
  <si>
    <t>BENZILPENICILINA PROCAÍNA 400.000 UI C/ AGUA - BLAU</t>
  </si>
  <si>
    <t>BISOPROLOL 5MG, FUMARATO - E.M.S</t>
  </si>
  <si>
    <t>CETOPROFENO LISINATO 160 MG- ACHE</t>
  </si>
  <si>
    <t>CETOPROFENO LISINATO 320MG - ACHE</t>
  </si>
  <si>
    <t>CICLOBENZAPRINA 5MG- E.M.S</t>
  </si>
  <si>
    <t xml:space="preserve">DESLANOSÍDEIO 0,2MG/ML, INJ - UNIÃO QUÍMICA </t>
  </si>
  <si>
    <t xml:space="preserve">DEXAMETASONA 0,05MG/ML-COLÍRIO  - NOVARTIS </t>
  </si>
  <si>
    <t>DEXTROVITASE-INJ - CRISTALIA</t>
  </si>
  <si>
    <t>DILTIAZEN 180 MG- BALDACCI</t>
  </si>
  <si>
    <t>DUTASTERIDA 0,5MG - ACHE</t>
  </si>
  <si>
    <t xml:space="preserve">FLUTAMIDA 250MG - BLAU </t>
  </si>
  <si>
    <t>GENFIBROZILA 600MG-CP -GERMED</t>
  </si>
  <si>
    <t xml:space="preserve">HIRUDOID GEL 300 - UNIÃO QUIMICA </t>
  </si>
  <si>
    <t>IBERTASANA 300MG- RANBAXY</t>
  </si>
  <si>
    <t>LECARDIPINO 10MG- E.M.S</t>
  </si>
  <si>
    <t>METILERGONOMETRINA MALEATO 0,2 MG/ML, INJ - UNIÃO QUÍMICA</t>
  </si>
  <si>
    <t>PERLUTAN-INJ - BOEHRINGER</t>
  </si>
  <si>
    <t>PROGESTERONA 200MG- BESIN</t>
  </si>
  <si>
    <t>PROPAFENOMA 150MG - LIBBS</t>
  </si>
  <si>
    <t>SILIMARINA 70MG+METIONINA100MG -NIKKHO</t>
  </si>
  <si>
    <t>SIMETICONA+HOMATROPINA, GTS -GERMED</t>
  </si>
  <si>
    <t>VALSARTANA 160MG - GERMED</t>
  </si>
  <si>
    <t>VALSARTANA 320MG- GERMED</t>
  </si>
  <si>
    <t>VIGABATRINA 500MG- SANOFI</t>
  </si>
  <si>
    <t xml:space="preserve">XARELTO 20MG- BAYER </t>
  </si>
  <si>
    <t>CELECOXIB 100MG- WYETH</t>
  </si>
  <si>
    <t>CLOBAZAN 10MG- SANOFI</t>
  </si>
  <si>
    <t>DESVENLAFAXINA 100MG SUCCINATO - E.M.S</t>
  </si>
  <si>
    <t xml:space="preserve">DULOXETINA 60MG- NOVA QUÍMICA </t>
  </si>
  <si>
    <t>ETERICOXIBE -60MG - SUPERA</t>
  </si>
  <si>
    <t>FLUNITRAZEPAN 1MG- ROCHE</t>
  </si>
  <si>
    <t xml:space="preserve">GABAPENTINA 600MG- GERMED </t>
  </si>
  <si>
    <t>HALOPERIDOL 5MG/ML INJ -HYPOFARMA</t>
  </si>
  <si>
    <t>NORTRIPTILINA 75MG ,CLORIDRATO - MEDLEY</t>
  </si>
  <si>
    <t>TRIFLUOPERAZINA STALAZINE 5 MG - GSK</t>
  </si>
  <si>
    <t/>
  </si>
  <si>
    <t>FLUTICASONA + SALMETEROL125/25MCG -SERETIDE -  GSK</t>
  </si>
  <si>
    <t>BENZOATO DE BENZILA SABONETE,60GR - PHARMASCIENCE</t>
  </si>
  <si>
    <t>BRONFENIRAMINA + FENILEFRINA- 2/5MG - 5ML DESCONGEX - ACHE</t>
  </si>
  <si>
    <t>CETOCONAZOL+BETAMETASONA CREME - GLOBO</t>
  </si>
  <si>
    <t>DESLORATADINA 0,5 MG/ML XPE-60ML - E.M.S</t>
  </si>
  <si>
    <t>NISTATINA CREME VAGINAL - GREENPHARMA</t>
  </si>
  <si>
    <t>CETOCONAZOL SHAMPOO - NATIVITA</t>
  </si>
  <si>
    <t>SACARATO HIDROXIDO FÉRRICO 20MG/ML - INJ - CLARIS</t>
  </si>
  <si>
    <t>SIMETICONA 75 MG/ML SUSP - NATULAB</t>
  </si>
  <si>
    <t>BECLOMETASONA 50MCG SPRAY NASAL 200 DOSES - GLAXO</t>
  </si>
  <si>
    <t>ABOCATH Nº 16 -POLYMED</t>
  </si>
  <si>
    <t>ABOCATH Nº 18 -POLYMED</t>
  </si>
  <si>
    <t>ABOCATH Nº 20 -POLYMED</t>
  </si>
  <si>
    <t>ABOCATH Nº 24 -POLYMED</t>
  </si>
  <si>
    <t>ABOCATH N°22 -POLYMED</t>
  </si>
  <si>
    <t xml:space="preserve">BUTERFLAY Nº25 -WILTEX </t>
  </si>
  <si>
    <t>CATETER INTRAVENOSO 18G -POLYMED</t>
  </si>
  <si>
    <t>CATETER INTRAVENOSO 20G - POLYMED</t>
  </si>
  <si>
    <t>CATETER INTRAVENOSO 22G - POLYMED</t>
  </si>
  <si>
    <t>LAMINA BISTURI Nº 11 CX C/ 100 - STERILANCE</t>
  </si>
  <si>
    <t>LAMINA BISTURI Nº 20 CX C/ 100 - STERILANCE</t>
  </si>
  <si>
    <t>LAMINA BISTURI Nº15 CX C/ 100 - STERILANCE</t>
  </si>
  <si>
    <t>LAMINA BISTURI N° 24 C/100 - STERILANCE</t>
  </si>
  <si>
    <t>LAMINA DE BISTURI N° 21 C/100 - STERILANCE</t>
  </si>
  <si>
    <t>LUVA PLÁSTICA DE POLIETILENO - WILTEX</t>
  </si>
  <si>
    <t xml:space="preserve">TUBO ENDOTRAQUEAL N° 5 - COMPER </t>
  </si>
  <si>
    <t xml:space="preserve">TUBO ENDOTRAQUEAL N° 5,5 - COMPER </t>
  </si>
  <si>
    <t xml:space="preserve">TUBO ENDOTRAQUEAL N° 6 - COMPER </t>
  </si>
  <si>
    <t xml:space="preserve">TUBO ENDOTRAQUEAL N° 6,5 - COMPER </t>
  </si>
  <si>
    <t xml:space="preserve">TUBO ENDOTRAQUEAL N° 7,5 - COMPER </t>
  </si>
  <si>
    <t xml:space="preserve">TUBO ENDOTRAQUEAL N° 8 - COMPER </t>
  </si>
  <si>
    <t xml:space="preserve">TUBO ENDOTRAQUEAL N° 8,5 - COMPER </t>
  </si>
  <si>
    <t xml:space="preserve">PINÇA ANATOMICA -PROFESSIONAL </t>
  </si>
  <si>
    <t xml:space="preserve">TESOURA IRIS GOLGRAN - PROFESSIONAL </t>
  </si>
  <si>
    <t>ACIDO ACÉTICO 5% LT - RENYLAB</t>
  </si>
  <si>
    <t xml:space="preserve">BROMAZEPAN 3MG - GERMED/EMS </t>
  </si>
  <si>
    <t xml:space="preserve">COMPLEXO B INJ - HYPLEX B </t>
  </si>
  <si>
    <t xml:space="preserve">FIBRINOLISINA 666 U/G POMADA-30GR - CRISTÁLIA-FIBIRNASE </t>
  </si>
  <si>
    <t xml:space="preserve">ESCOVA DENTAL ADULTO - DENTAL-K </t>
  </si>
  <si>
    <t xml:space="preserve">ESCOVA DENTAL INFANTIL - DENTAL-K </t>
  </si>
  <si>
    <t>ACIDO PIRACÉTICO 0,2% 1 LT - INDALABOR</t>
  </si>
  <si>
    <t>CURATIVO HIDROCELULAR 10X 10 - VITAMEDICAL</t>
  </si>
  <si>
    <t>CURATIVO HIDROCELULAR 15X 15 - VITAMEDICAL</t>
  </si>
  <si>
    <t xml:space="preserve">ESTETOSCÓPIO - BIOLAND </t>
  </si>
  <si>
    <t>GLUTARALDEÍDO 2% 5 LT - INDALABOR</t>
  </si>
  <si>
    <t>OLEO MINERAL 100ML - MARIOL</t>
  </si>
  <si>
    <t xml:space="preserve">SERINGA DESCART.0,1 ML C/ AG - DESCARPACK </t>
  </si>
  <si>
    <t xml:space="preserve">SOLUÇÃO DE THIERSCH - VITAL FARMA </t>
  </si>
  <si>
    <t>AMILORIDA 5MG+CLORTALIDONA 25MG - SUPERA</t>
  </si>
  <si>
    <t>BETANECOL 25 MG, CLORETO - APSEN</t>
  </si>
  <si>
    <t xml:space="preserve">CALCIPOTRIOL 0,25MG - LEOPHARMA </t>
  </si>
  <si>
    <t xml:space="preserve">CLORANFENICOL 0,4% , COLÍRIO - ALLERGRAN </t>
  </si>
  <si>
    <t>CLORANFENICOL 500MG  - ALLERGRAN</t>
  </si>
  <si>
    <t>CODERGOCRINA 4,5MG, MESILATO - BIOSINTETICA</t>
  </si>
  <si>
    <t>ESTROGENEOS CONJUL..0,625MG/G CREME - PREMARIN</t>
  </si>
  <si>
    <t>FITOSCAR 20MG - APSEN</t>
  </si>
  <si>
    <t>FLUDROCORTISONA 100 MG-CP FLORINEFE - ASPEN</t>
  </si>
  <si>
    <t xml:space="preserve">GLICONATO DE CÁLCIO 100MG/ML -INJ - HALEX ISTAR </t>
  </si>
  <si>
    <t>LOVASTATINA 10MG - SANDOZ</t>
  </si>
  <si>
    <t>LOVASTATINA 20MG - SANDOZ</t>
  </si>
  <si>
    <t>LOVASTATINA 40MG - SANDOZ</t>
  </si>
  <si>
    <t xml:space="preserve">METIMAZOL 5MG -BIOLAB </t>
  </si>
  <si>
    <t>METOTREXATO SODICO 25MG/ML - INJ - ACCORD</t>
  </si>
  <si>
    <t>METRONIDAZOL 40MG/ML- SUSP - E.M.S</t>
  </si>
  <si>
    <t xml:space="preserve">OXIBUTINA 10MG - APSEN </t>
  </si>
  <si>
    <t xml:space="preserve">PENCICLOVIR 1% CREME 5GR - SIGMA EMS </t>
  </si>
  <si>
    <t>PIROXICAN 20MG/ML-INJ - PFIZER</t>
  </si>
  <si>
    <t>TRANSPULMIM SUPOSITÓRIO INFANTIL - ACHE</t>
  </si>
  <si>
    <t xml:space="preserve">VERAPAMIL 120MG,CLORIDRATO - BIOSINTETICA </t>
  </si>
  <si>
    <t xml:space="preserve">DESOXIDANTE 500ML - INDALABOR </t>
  </si>
  <si>
    <t>RODA FELTRO - VONDER</t>
  </si>
  <si>
    <t>BIPIRIDENO 4MG CLORIDRATO - ABOTT</t>
  </si>
  <si>
    <t>BROMAZEPAN 2,5MG/ML - ACHE</t>
  </si>
  <si>
    <t xml:space="preserve">FENOBARBITAL 50 MG - SANOFI </t>
  </si>
  <si>
    <t xml:space="preserve">IMIPRAMINA 75MG, PAMOATO - NOVARTIS </t>
  </si>
  <si>
    <t>PALIPERIDONA 3MG CP - JANSSEN</t>
  </si>
  <si>
    <t>PALIPERIDONA 6MG CP - JANSSEN</t>
  </si>
  <si>
    <t xml:space="preserve">ZUCLOPENTIXOL, DECANOATO 200MG/ML - INJ -LUNDBECK </t>
  </si>
  <si>
    <t xml:space="preserve">AGUA DESTILADA 5ML-AMP -EQUIPLEX </t>
  </si>
  <si>
    <t xml:space="preserve">AGUA PARA INJEÇÃO 1000ML -EQUIPLEX </t>
  </si>
  <si>
    <t>CATETER P/ OXIGÊNIO, TIPO ÓCULOS - BIOBASE</t>
  </si>
  <si>
    <t xml:space="preserve">CATETER P/ OXIGÊNIO, TIPO ÓCULOS PEDIÁTRICO -BIOBASE </t>
  </si>
  <si>
    <t>DEXCARTEX 7LTS - DESCARBOX</t>
  </si>
  <si>
    <t xml:space="preserve">DEXCARTEX 13 LT - DESCARBOX </t>
  </si>
  <si>
    <t>ESPARADRAPO 05 X 4,5 CM -MISSNER</t>
  </si>
  <si>
    <t>ESPÁTULA DE AYRES,CX C/ 100 - THEOTO</t>
  </si>
  <si>
    <t xml:space="preserve">RIFOMICINA 10MG/ML-SPRAY -NATULAB </t>
  </si>
  <si>
    <t>SCALP Nº 22 -SOLIDOR</t>
  </si>
  <si>
    <t>SCALP Nº 23 -SOLIDOR</t>
  </si>
  <si>
    <t>SCALP Nº 24 -SOLIDOR</t>
  </si>
  <si>
    <t>SCALP Nº 25 -SOLIDOR</t>
  </si>
  <si>
    <t>SCALP Nº21 -SOLIDOR</t>
  </si>
  <si>
    <t>TERMOMETRO CLINICO -PREMIUM</t>
  </si>
  <si>
    <t>BETA+CETO+NEOMICINA-30GR - PHARLAB</t>
  </si>
  <si>
    <t>BICARBONATO DE SÓDIO 8.4% INJ - SANTEC</t>
  </si>
  <si>
    <t>CETIRIZINA 10MG-CP - SANDOZ</t>
  </si>
  <si>
    <t>DEXAMETASONA+NEOMICINA COLIRIO - TEUTO</t>
  </si>
  <si>
    <t>ESTRADIOL+NOREST. 2MG/1MG, CARTELA -LIBBS</t>
  </si>
  <si>
    <t>FENOTEROL 100MCG, BROMIDRATO SPRAY 10ML - BOEHRINGER</t>
  </si>
  <si>
    <t>IBUPROFENO 100MG/ML SUSP. - MEDQUIMICA</t>
  </si>
  <si>
    <t>IVERMECTINA 6MG - VITAMEDIC</t>
  </si>
  <si>
    <t xml:space="preserve">LEGALON - TAKEDA </t>
  </si>
  <si>
    <t xml:space="preserve">LOSARTANA POTÁSSICA 50MG-CP -NEO QUIMICA </t>
  </si>
  <si>
    <t xml:space="preserve">MEBEVERINA 200MG -ABBOTT </t>
  </si>
  <si>
    <t xml:space="preserve">MELOXICAN 15MG - PHARLAB </t>
  </si>
  <si>
    <t>POLICRESULENO SUPOSITÓRIO - TAKEDA</t>
  </si>
  <si>
    <t xml:space="preserve">VALERIANA OFFICINALIS 50MG - PHARMASCIENCE </t>
  </si>
  <si>
    <t>BUPROPIONA 300MG, CLORIDRATO - LIBBS</t>
  </si>
  <si>
    <t>LUVAS CIRURGICAS 8,0 PAR -MAXITEX</t>
  </si>
  <si>
    <t>AFASTADOR MINISSOTA FAVA -FAVA</t>
  </si>
  <si>
    <t>ALICATE PORTA GRAMPO SERRILHADO -GOLGRAN</t>
  </si>
  <si>
    <t>AMALGAMA C/ 2 DOSES, EM CAPSULAS - GS80</t>
  </si>
  <si>
    <t>AMALGAMA C/ 3 DOSES, EM CAPSULAS - GS80</t>
  </si>
  <si>
    <t>ANTISSÉPTICO C/ CLOREXIDINE 0,12% 1 LT -RIOHEX</t>
  </si>
  <si>
    <t>CARBONO CONTACTO C/12 - MAQUIRA</t>
  </si>
  <si>
    <t>CIMENTO ENDO FILL - TECHNEW</t>
  </si>
  <si>
    <t>CIMENTO HIDRÓXIDO DE CÁLCIO -MAQUIRA</t>
  </si>
  <si>
    <t>ESPÁTULA TITÂNIO N°6 - GOLGRAN</t>
  </si>
  <si>
    <t>FIO DE SUTURA 3-0 NYLON AG. 3/8 - PROCARE</t>
  </si>
  <si>
    <t>FIO DE SUTURA 4.0 NYLON AG.3/8 -PROCARE</t>
  </si>
  <si>
    <t>FIO DE SUTURA 5.0 NYLON AG. 3/8 -PROCARE</t>
  </si>
  <si>
    <t>FLUOR GEL ACIDULADO -IODONTOSUL</t>
  </si>
  <si>
    <t xml:space="preserve">LENÇOL DE BORRACHA C/26 UNI - K-DENT </t>
  </si>
  <si>
    <t>PERIOGARD 2LITROS - COLGATE</t>
  </si>
  <si>
    <t xml:space="preserve">PINCEL MICROBRUSCH FINO -ALLPRIME </t>
  </si>
  <si>
    <t xml:space="preserve">PINCEL MICROBRUSCH REGULAR - ALLPRIME </t>
  </si>
  <si>
    <t>TIRA DE AÇO 6 MM - FAVA</t>
  </si>
  <si>
    <t>VERNIZ ODONTOLOGICO - VARNAL</t>
  </si>
  <si>
    <t>AFASTADOR LABIAL PEQUENO -MAQUIRA</t>
  </si>
  <si>
    <t xml:space="preserve">BROCA ACABAMENTO RESINA FINO/ULTRA FINO - FAVA </t>
  </si>
  <si>
    <t xml:space="preserve">CANULA FRAZIER 19 CM AÇO INOX - GOLGRAN </t>
  </si>
  <si>
    <t>DESCOLADOR MOLT SIMPLES - PRATA</t>
  </si>
  <si>
    <t>GERMICIDAL 5 LTS - ASFER</t>
  </si>
  <si>
    <t xml:space="preserve">GESSO COMUM 30KG - DAM PROBEM </t>
  </si>
  <si>
    <t xml:space="preserve">GESSO ESPECIAL TIPO 5 TROQUEIS AZUL - DURONE DENSPLY </t>
  </si>
  <si>
    <t xml:space="preserve">IONÔMERO VIDRO FOTOPOLIMERIZAVEL 2,5GR - JONOSEAL VOCO </t>
  </si>
  <si>
    <t>LIQUIDO FIO RETRATOR - MAQUIRA</t>
  </si>
  <si>
    <t xml:space="preserve">PEDRA PARA AFIAR AA320 - JON </t>
  </si>
  <si>
    <t>PINÇA PORTA GRAMPO -PRATA</t>
  </si>
  <si>
    <t xml:space="preserve">PLACAS GODIVA INFERIOR -DFL </t>
  </si>
  <si>
    <t>PLACAS GODIVA SUPERIOR - DFL</t>
  </si>
  <si>
    <t>PLASTICO FILME - EMSOLARAXIDO</t>
  </si>
  <si>
    <t>SUGADOR CIRÚRGICO - MAQUIRA</t>
  </si>
  <si>
    <t xml:space="preserve">VASELIDA SOLIDA - FARMAX </t>
  </si>
  <si>
    <t>ANLODIPINO 5MG-CP - TEUTO</t>
  </si>
  <si>
    <t>B-B.ESCOPOLAMINA+DIPIRONA -INJ - FARMACE</t>
  </si>
  <si>
    <t>BENZILPENICILINA 1.200.000UI COM AMPOLA DILUÍDA -TEUTO</t>
  </si>
  <si>
    <t>CAPTOPRIL 25MG - SANVAL</t>
  </si>
  <si>
    <t>CEFALEXINA 50MG/ML- 60 ML - TEUTO</t>
  </si>
  <si>
    <t>DIPIRONA 1G/2ML IM/IV INJ -TEUTO</t>
  </si>
  <si>
    <t>FLUCONAZOL150MG-PRATI</t>
  </si>
  <si>
    <t>LEVONEG.0,15+ETINILESTRADIOL 0,03 -CARTELA -MABRA</t>
  </si>
  <si>
    <t xml:space="preserve">MEDROXIPROGESTERONA 150MG/ML-INJ - U.QUIMICA </t>
  </si>
  <si>
    <t>METFORMINA 850MG,CLORIDRATO - PRATI</t>
  </si>
  <si>
    <t xml:space="preserve">METRONIDAZOL 400MG - TEUTO </t>
  </si>
  <si>
    <t>PARACETAMOL 200MG/ML-GTS 15ML - NATULAB</t>
  </si>
  <si>
    <t>PREDNISONA 1MG/ML-100ML - PRATI</t>
  </si>
  <si>
    <t xml:space="preserve">SALBUTAMOL 100MCG SPRAY- 200 DOSES - GLENMARK </t>
  </si>
  <si>
    <t>SULFATO FERROSO XPE- 100ML - NATULAB</t>
  </si>
  <si>
    <t>VITAMINA C 500MG - NATULAB</t>
  </si>
  <si>
    <t xml:space="preserve">CARBAMAZEPINA 200MG - TEUTO </t>
  </si>
  <si>
    <t>AGULHA DESC. 25 X 7,0 C/ 100 - DESCARPACK</t>
  </si>
  <si>
    <t>APARELHO PRESSÃO DIGITAL - BIOLAND</t>
  </si>
  <si>
    <t>CAMPO OPERATORIO 23 X 25 CM C/50 - MELHORMED</t>
  </si>
  <si>
    <t>CAMPO OPERATÓRIO 45 X50 C/ 50 CONF ABNT - MELHORMED</t>
  </si>
  <si>
    <t>EQUIPO MICRO GOTAS - ADLIN</t>
  </si>
  <si>
    <t xml:space="preserve">ESPÉCULO GINECOLÓGICO ESTÉRIL DESC. P -CRALPLAST </t>
  </si>
  <si>
    <t xml:space="preserve">ESPÉCULO GINECOLÓGICO ESTÉRIL DESC. M -CRALPLAST </t>
  </si>
  <si>
    <t xml:space="preserve">ESPÉCULO GINECOLÓGICO ESTÉRIL DESC. G -CRALPLAST </t>
  </si>
  <si>
    <t xml:space="preserve">FRALDA INFANTIL G -KARICIA </t>
  </si>
  <si>
    <t xml:space="preserve">FRALDA INFANTIL M -KARICIA </t>
  </si>
  <si>
    <t xml:space="preserve">FRALDA INFANTIL P -KARICIA </t>
  </si>
  <si>
    <t xml:space="preserve">GAZE 13 FIOS 10 X 10 C/ 500 -MELHORMED </t>
  </si>
  <si>
    <t>GAZE 9 FIOS 10X10 - MELHORMED</t>
  </si>
  <si>
    <t>ACICLOVIR 200MG-CP - MERCK</t>
  </si>
  <si>
    <t>ACICLOVIR 400MG-CP -MERCK</t>
  </si>
  <si>
    <t>ATADURA CREPE 13 FIOS 8CM -ERIMAR</t>
  </si>
  <si>
    <t>ATADURA CREPE 13 FIOS 15 CM -ERIMAR</t>
  </si>
  <si>
    <t>ATADURA CREPE 13 FIOS 20CM -ERIMAR</t>
  </si>
  <si>
    <t>ATADURA CREPE 13 FIOS10CM -ERIMAR</t>
  </si>
  <si>
    <t>ATADURA CREPE 13 FIOS12CM -ERIMAR</t>
  </si>
  <si>
    <t>ACETILCISTEÍNA 20MG/ML-XPE 100ML INFANTIL - GEOLAB</t>
  </si>
  <si>
    <t>AMOXICILINA 50MG/ML, 150ML - GERMED</t>
  </si>
  <si>
    <t>EPIDRAT FPS 30-PROTEÇÃO LABIAL -HYPERMARCAS</t>
  </si>
  <si>
    <t>EPISOL OIL FREE FPS 45-120ML - HYPERMARCAS</t>
  </si>
  <si>
    <t>ESTRAD.2MG+CIPROT.1MG CARTELA -BAYER</t>
  </si>
  <si>
    <t>EZOMEPRAZOL MAGNÉSIO 20MG-CP -E.M.S</t>
  </si>
  <si>
    <t>FEXOFENADINA 6MG SUSP- 60ML -SANOFI</t>
  </si>
  <si>
    <t>FLUTICASONA 50MCG SPRAY 60DOSES -LIBBS</t>
  </si>
  <si>
    <t>GLICINATO FERRICO + ASSOCIAÇÕES -ACHE</t>
  </si>
  <si>
    <t>ISOSSORBIDA 50 MG RETARD -BALDACCI</t>
  </si>
  <si>
    <t xml:space="preserve">LEITE PEDIASURE 400 GR-SABOR BAUNILHA -ABBOTT </t>
  </si>
  <si>
    <t xml:space="preserve">TETRACICLINA +ANFOTERINA B 45G -MEDLEY </t>
  </si>
  <si>
    <t xml:space="preserve">TIOTRÓPIO, BROMETO 2,5 MCG/DOSE INAL. -BOEHRINGER </t>
  </si>
  <si>
    <t>DIVALPROATO DE SÓDIO ER 500MG-CP DEPAKOTE - ABBOTT</t>
  </si>
  <si>
    <t>FLUOXETINA 20MG/ML- GTS 20ML -MEDLEY</t>
  </si>
  <si>
    <t xml:space="preserve">AMANTADINA 100MG- CP -MANTIDAN/EUROFARMA </t>
  </si>
  <si>
    <t>ENOXAPARINA SODICA 40MG/ML SUBCUTANEA -BIOCHIMICO</t>
  </si>
  <si>
    <t xml:space="preserve">KIT SACOLINHA COM ESCOVA DENTAL INFANTIL + CREME -MEDFIO </t>
  </si>
  <si>
    <t>AGULHA DESC. 13 X 0,3 C/ 100 -SR</t>
  </si>
  <si>
    <t>AGULHA DESC. 13 X 4,5 C/ 100 -SR</t>
  </si>
  <si>
    <t>AGULHA DESC.20 X 5,5 C/100 -SR</t>
  </si>
  <si>
    <t>AGULHA DESC.25 X 8,0 C/100 -SR</t>
  </si>
  <si>
    <t>AGULHA DESCARTAVEL 20 X 0.55 -SR</t>
  </si>
  <si>
    <t>AGULHA DESCARTÁVEL 30 X 8 C/ 100 -SR</t>
  </si>
  <si>
    <t xml:space="preserve">LUVAS CIRURGICAS 7,0 PAR -SUPERMAX </t>
  </si>
  <si>
    <t xml:space="preserve">LUVAS CIRÚRGICAS 7,5 PAR -SUPERMAX </t>
  </si>
  <si>
    <t>SERINGA DE ROSCA C/ AGULHA 10ML -SR</t>
  </si>
  <si>
    <t>CETOCONAZOL 20MG/GR- 30GR -SOBRAL</t>
  </si>
  <si>
    <t xml:space="preserve">CLORETO DE SÓDIO SOLUÇÃO NASAL -FARMACE </t>
  </si>
  <si>
    <t>GLICOSE 25%- 10ML- INJ -FARMACE</t>
  </si>
  <si>
    <t>SOLUÇÃO NASAL 0,9% -FARMACE</t>
  </si>
  <si>
    <t>ACIDO FOSFÓRICO 37% ODONTOLÓGICO -ALLPLAN</t>
  </si>
  <si>
    <t>ADESIVO FOTOPOLIMERIZAVEL -3M</t>
  </si>
  <si>
    <t>AFASTADOR LABIAL GRANDE -MAQUIRA</t>
  </si>
  <si>
    <t>AFASTADOR LABIAL MÉDIO -MAQUIRA</t>
  </si>
  <si>
    <t>AGULHA CURTA GENGIVAL -INJECTA</t>
  </si>
  <si>
    <t>AGULHA GENGIVAL EXTRA CURTA - INJEX</t>
  </si>
  <si>
    <t>AGULHA LONGA GENGIVAL -INJECTA</t>
  </si>
  <si>
    <t>ALAVANCA SELDIN RETA 02 ADULTO -TRINKS</t>
  </si>
  <si>
    <t>ALICATE PERFURADOR DIQUES AINSWORTH -ABC</t>
  </si>
  <si>
    <t>ALVEOLEX -BIODINAMICA</t>
  </si>
  <si>
    <t>AMALGAMA C/ 1 DOSE EM CÁPSULA -METALMS</t>
  </si>
  <si>
    <t>ANTICARIE CARIOSTATICO 12% -BIODINAMICA</t>
  </si>
  <si>
    <t>APLICADOR DE HIDRÓXIDO DE CÁLCIO -TRINKS</t>
  </si>
  <si>
    <t>BABADOR DESCARTÁVEL C/ 100 -BIODINAMICA</t>
  </si>
  <si>
    <t>BROCA P/ ALTA ROTAÇÃO 1011 -CHAMPION</t>
  </si>
  <si>
    <t>BROCA P/ ALTA ROTAÇÃO 1011HL -CHAMPION</t>
  </si>
  <si>
    <t>BROCA P/ ALTA ROTAÇÃO 1012 -CHAMPION</t>
  </si>
  <si>
    <t>BROCA P/ ALTA ROTAÇÃO 1012HL -CHAMPION</t>
  </si>
  <si>
    <t xml:space="preserve">BROCA AÇO BR 28 MM -DENTSPLY </t>
  </si>
  <si>
    <t xml:space="preserve">BROCA AÇO BR N°6 -DENTSPLY </t>
  </si>
  <si>
    <t xml:space="preserve">BROCA ACO N°05 -DENTSPLY </t>
  </si>
  <si>
    <t xml:space="preserve">BROCA CAR JET 701 -KAVO </t>
  </si>
  <si>
    <t xml:space="preserve">BROCA CARB JET 700 -KAVO </t>
  </si>
  <si>
    <t>BROCA CIRURGICA ZEKRIA 151 28 MM - ASSUS</t>
  </si>
  <si>
    <t xml:space="preserve">BROCA DIAMANTADA 1013 -CHAMPION </t>
  </si>
  <si>
    <t xml:space="preserve">BROCA DIAMANTADA 1014 -CHAMPION </t>
  </si>
  <si>
    <t xml:space="preserve">BROCA DIAMANTADA 1015 HL -CHAMPION </t>
  </si>
  <si>
    <t xml:space="preserve">BROCA DIAMANTADA 1016 -CHAMPION </t>
  </si>
  <si>
    <t xml:space="preserve">BROCA DIAMANTADA 1031 -CHAMPION </t>
  </si>
  <si>
    <t xml:space="preserve">BROCA DIAMANTADA 1032 -CHAMPION </t>
  </si>
  <si>
    <t xml:space="preserve">BROCA DIAMANTADA 1033 -CHAMPION </t>
  </si>
  <si>
    <t xml:space="preserve">BROCA DIAMANTADA 1034 -CHAMPION </t>
  </si>
  <si>
    <t xml:space="preserve">BROCA DIAMANTADA 1036 -CHAMPION </t>
  </si>
  <si>
    <t xml:space="preserve">BROCA DIAMANTADA 2134 -CHAMPION </t>
  </si>
  <si>
    <t xml:space="preserve">BROCA DIAMANTADA 3118 - CHAMPION </t>
  </si>
  <si>
    <t xml:space="preserve">BROCA DIAMANTADA 3168 F -CHAMPION </t>
  </si>
  <si>
    <t xml:space="preserve">BROCA P/ ALTA ROTAÇÃO 1014 HL -CHAMPION </t>
  </si>
  <si>
    <t xml:space="preserve">BROCA P/ ALTA ROTAÇÃO 1016 HL -CHAMPION </t>
  </si>
  <si>
    <t xml:space="preserve">BROCA P/ ALTA ROTAÇÃO 3118 F -CHAMPION </t>
  </si>
  <si>
    <t xml:space="preserve">BROCA P/ ALTA ROTAÇÃO 3195 F -CHAMPION </t>
  </si>
  <si>
    <t xml:space="preserve">BROCA P/ALTA ROTAÇÃO 1016 -CHAMPION </t>
  </si>
  <si>
    <t xml:space="preserve">BROCAS 1033 -CHAMPION </t>
  </si>
  <si>
    <t xml:space="preserve">BROCAS KG 1013 - CHAMPION </t>
  </si>
  <si>
    <t>CABO BISTURI N3 -TRINKS</t>
  </si>
  <si>
    <t>CABO P/ ESPELHOS - ODONTOLÓGICO -PREVEN</t>
  </si>
  <si>
    <t xml:space="preserve">CANETA ALTA SIGMA AIR 3S -DENTFLEX </t>
  </si>
  <si>
    <t>CARIOSTATICO - BIODINAMICA</t>
  </si>
  <si>
    <t>CERA ROSA N°7 -BLUE</t>
  </si>
  <si>
    <t>CERA UTILIDADE -BLUE</t>
  </si>
  <si>
    <t>CONDICIONADOR ACIDO GEL -ALLPLAN</t>
  </si>
  <si>
    <t>CONE GUTA PERCHA M -INJECTA</t>
  </si>
  <si>
    <t>CONES DE PAPEL ABSORVENTE 15/40 -INJECTA</t>
  </si>
  <si>
    <t>CONES DE PAPEL ABSORVENTE 45/80 -INJECTA</t>
  </si>
  <si>
    <t>CONES GUTA PERCHA FM -INJECTA</t>
  </si>
  <si>
    <t>CUR MCCALL ESPECIAL 13-14 -TRINKS</t>
  </si>
  <si>
    <t>CURETAS DE RASPAGEM (ODONTO) -TRINKS</t>
  </si>
  <si>
    <t>DESSENSIBILIZANTE DENTINÁRIO -FGM</t>
  </si>
  <si>
    <t>DETERGENTE ENZIMATICO -KELDRIN</t>
  </si>
  <si>
    <t>DRENO SSPLUS COLORIDO -INJECTA</t>
  </si>
  <si>
    <t>ESCAVADOR DENTINA 11 1/2 -TRINKS</t>
  </si>
  <si>
    <t>ESCAVADOR DENTINA 14 -TRINKS</t>
  </si>
  <si>
    <t>ESCAVADOR DENTINA 17 -TRINKS</t>
  </si>
  <si>
    <t>ESCOVA DE ROBSON -MICRODONT</t>
  </si>
  <si>
    <t>ESPÁTULA DE TITÂNIO COM CALCADOR P/ RESINA - PRISMA</t>
  </si>
  <si>
    <t>ESPATULA FIO RETRATOR N°113 SERRILHADA -PRATA</t>
  </si>
  <si>
    <t>ESPATULA N°2 -TRINKS</t>
  </si>
  <si>
    <t xml:space="preserve">ESPATULA PLASTICA IONOMERO 142 -MAQUIRA </t>
  </si>
  <si>
    <t xml:space="preserve">ESPELHO BUCAL -IODONTOSUL </t>
  </si>
  <si>
    <t>EUGENOL ODONTOLOGICO -MAQUIRA</t>
  </si>
  <si>
    <t xml:space="preserve">EXPLORADOR 5 GOLGRAN -TRINKS </t>
  </si>
  <si>
    <t xml:space="preserve">FIO DE SUTURA SEDA 4.0 -BEST CARE </t>
  </si>
  <si>
    <t xml:space="preserve">FIO RETRATOR (ODONTO) -BIODINAMICA </t>
  </si>
  <si>
    <t xml:space="preserve">FIO SUTURA MONONYLON 3.0 -BIODINAMICA </t>
  </si>
  <si>
    <t xml:space="preserve">FIO SUTURA MONONYLON 4.0 -BIODINAMICA </t>
  </si>
  <si>
    <t xml:space="preserve">FIO SUTURA MONONYLON 5.0 -BIODINAMICA </t>
  </si>
  <si>
    <t>FITA ADESIVA AUTOCLAVE -CIEX</t>
  </si>
  <si>
    <t xml:space="preserve">FIXADOR DE RAIO X -CAITEC </t>
  </si>
  <si>
    <t xml:space="preserve">FLÚOR GEL 200 ML - IODONTOSUL </t>
  </si>
  <si>
    <t xml:space="preserve">FLUORNIZ -FGM </t>
  </si>
  <si>
    <t xml:space="preserve">FORCEPS ADULTO -SKAY </t>
  </si>
  <si>
    <t xml:space="preserve">FORCEPS ADULTO N151 GOLGRAN -SKAY </t>
  </si>
  <si>
    <t xml:space="preserve">FORCEPS INFANTIL -SKAY </t>
  </si>
  <si>
    <t xml:space="preserve">FORMOCRESOL 10ML -BIODINAMICA </t>
  </si>
  <si>
    <t>GESSO ESPECIAL TIPO IV -PASOM</t>
  </si>
  <si>
    <t>GESSO PEDRA -PASOM</t>
  </si>
  <si>
    <t>GORRO SANFONADO -JARC</t>
  </si>
  <si>
    <t xml:space="preserve">GRAMPO P/ DIQUE # 201 -TECHNEW </t>
  </si>
  <si>
    <t xml:space="preserve">GRAMPO P/ DIQUE #202 -TECHNEW </t>
  </si>
  <si>
    <t xml:space="preserve">GRAMPO P/ DIQUE #203 -TECHNEW </t>
  </si>
  <si>
    <t xml:space="preserve">GRAMPO P/ DIQUE #204 -TECHNEW </t>
  </si>
  <si>
    <t xml:space="preserve">GRAMPO P/ DIQUE #206 -TECHNEW </t>
  </si>
  <si>
    <t xml:space="preserve">GRAMPO P/ DIQUE #207 -TECHNEW </t>
  </si>
  <si>
    <t xml:space="preserve">GRAMPO P/ DIQUE #208 -TECHNEW </t>
  </si>
  <si>
    <t xml:space="preserve">GRAMPO P/ DIQUE #210 -TECHNEW </t>
  </si>
  <si>
    <t xml:space="preserve">GRAMPO P/ DIQUE #211 -TECHNEW </t>
  </si>
  <si>
    <t xml:space="preserve">GRAMPO P/ DIQUE #212 -TECHNEW </t>
  </si>
  <si>
    <t>HIDRÓXIDO DE CALCIO- KIT -TECHNEW</t>
  </si>
  <si>
    <t>IONOMERO DE VIDRO- KIT -MAQUIRA</t>
  </si>
  <si>
    <t>IRM KIT -BIODINAMICA</t>
  </si>
  <si>
    <t>LIMA EXTIRPA NERVO -QUIMIDROL</t>
  </si>
  <si>
    <t>LIMAS 15-40 -TDKA</t>
  </si>
  <si>
    <t>LIMAS 45-80 -TDKA</t>
  </si>
  <si>
    <t>MANDRIL -PREVEN</t>
  </si>
  <si>
    <t xml:space="preserve">MASCARA TRIPLA C/ ELASTICO -BEST CARE </t>
  </si>
  <si>
    <t xml:space="preserve">MATRIZ METÁLICA 5MM -BIODINAMICA </t>
  </si>
  <si>
    <t xml:space="preserve">MATRIZ METÁLICA 7MM -BIODINAMICA </t>
  </si>
  <si>
    <t>OPTIMIZE C/8 SORT + MANDRIL -TDV</t>
  </si>
  <si>
    <t>OXIDO DE ZINCO ODONTOLOGICO -BIODINAMICA</t>
  </si>
  <si>
    <t>PARAMONOCLOROFENOL -BIODINAMICA</t>
  </si>
  <si>
    <t>PASTA PROFILÁTICA -ALLPLAN</t>
  </si>
  <si>
    <t>PELICÚLA DE RAIO X -AGFA</t>
  </si>
  <si>
    <t>PONTEIRA P/ ULTRASSOM ODONTOLOGICO -HOLDENT</t>
  </si>
  <si>
    <t>POTE DAPPEN (ODONTO) -MAQUIRA</t>
  </si>
  <si>
    <t>RESINA FLOW-VARIAS CORES -BIODINAMICA</t>
  </si>
  <si>
    <t>REVELADOR RAIO X ODONTOLÓGICO -CAITEC</t>
  </si>
  <si>
    <t xml:space="preserve">SELANTE DE SULCOS E FISSURAS -TRINKS </t>
  </si>
  <si>
    <t xml:space="preserve">SOLUÇÃO HEMOSTATICA - BIODINAMICA </t>
  </si>
  <si>
    <t>SONDA EXPLORADORA ODONTOLOGICA -TRINKS</t>
  </si>
  <si>
    <t>SPRAY ENDO-ICE -MAQUIRA</t>
  </si>
  <si>
    <t>SUGADOR DE SALIVA -INJECTA</t>
  </si>
  <si>
    <t>TAÇA DE BORRACHA DENTAL - MICRODONT</t>
  </si>
  <si>
    <t>TARTARITE -IODONTOSUL</t>
  </si>
  <si>
    <t xml:space="preserve">TIRA AÇO 4MM C/12 - DIAMANTEC </t>
  </si>
  <si>
    <t>TIRA DE POLIÉSTER -IMPLA</t>
  </si>
  <si>
    <t>TRICRESOL -BIODINAMICA</t>
  </si>
  <si>
    <t>BUTERFLAY Nº23 - SOLIDOR</t>
  </si>
  <si>
    <t xml:space="preserve">FIO SUTURA CAT GUT CROMADO -TECHNOFIO </t>
  </si>
  <si>
    <t xml:space="preserve">FIO SUTURA CAT GUT SIMPLES -TECHNOFIO </t>
  </si>
  <si>
    <t>LUVA PROCEDIMENTO LÁTEX XG -DESCARPACK</t>
  </si>
  <si>
    <t xml:space="preserve">MALHA TUBULAR 20X25CM ROLO -ORTOFEN </t>
  </si>
  <si>
    <t xml:space="preserve">SONDA N ° 08 -BIOSANI </t>
  </si>
  <si>
    <t xml:space="preserve">SONDA N° 16 -BIOSANI </t>
  </si>
  <si>
    <t xml:space="preserve">SONDA N°14 -BIOSANI </t>
  </si>
  <si>
    <t xml:space="preserve">SONDA N°20 -BIOSANI </t>
  </si>
  <si>
    <t xml:space="preserve">SONDA URETRAL DESCART. Nº12 -BIOSANI </t>
  </si>
  <si>
    <t>TERMOMETRO DIGITAL -MD</t>
  </si>
  <si>
    <t>VASELINA 100ML -RIOQUIMICA</t>
  </si>
  <si>
    <t>VASELINA LÍQUIDA 1LT -CINORD</t>
  </si>
  <si>
    <t xml:space="preserve">TUBO ENDOTRAQUEAL N° 9 -SOLIDOR </t>
  </si>
  <si>
    <t xml:space="preserve">CALCIPOTRIOL 50MCG- POMADA -DAIVONEX </t>
  </si>
  <si>
    <t xml:space="preserve">ALGODÃO ROLETE C/100 -FAROL </t>
  </si>
  <si>
    <t>BROCA AÇO BR N8 PRIMA -QUIMIDROL</t>
  </si>
  <si>
    <t>BROCAS Nº 1019 -FAVA</t>
  </si>
  <si>
    <t>ESPATULA PARA CIMENTO N°5 -GOLGRAN</t>
  </si>
  <si>
    <t xml:space="preserve">PINO ODONTOLOGICO -FGM </t>
  </si>
  <si>
    <t xml:space="preserve">RESINA COR ESMALTE A2 -FGM </t>
  </si>
  <si>
    <t>RESINA Z250 A2 3M -3M</t>
  </si>
  <si>
    <t xml:space="preserve">BOLSA COLETORA URINA SIST. FECHADO -DESCARPACK </t>
  </si>
  <si>
    <t xml:space="preserve">AGUA P/ AUTOCLAVE 5 LTS -AQUATEC </t>
  </si>
  <si>
    <t xml:space="preserve">AGULHA DESCARTÁVEL 12 X 0.4 CX C/100 -DESCARPACK </t>
  </si>
  <si>
    <t xml:space="preserve">ATADURA CREPON 6CM -ANDREONI </t>
  </si>
  <si>
    <t xml:space="preserve">ATADURA ELÁSTICA 10 CM - POLARFIX </t>
  </si>
  <si>
    <t xml:space="preserve">ATADURA ELÁSTICA 15CM -POLARFIX </t>
  </si>
  <si>
    <t xml:space="preserve">BOBINA GRAU CIRURGICO 200 X 100 -POLLITEX </t>
  </si>
  <si>
    <t>FILME RX 18 X 24 HOSP. C/ 100UN -IBF</t>
  </si>
  <si>
    <t>FITA CREPE -CIEX</t>
  </si>
  <si>
    <t>FITA P/ AUTOCLAVE 19MM X 30M -MASTERFIX</t>
  </si>
  <si>
    <t>FIXADOR RX 38LT -DPC</t>
  </si>
  <si>
    <t>LUVA PROCEDIMENTO LÁTEX G -LEMGRUBER</t>
  </si>
  <si>
    <t>LUVA PROCEDIMENTO LÁTEX M -LEMGRUBER</t>
  </si>
  <si>
    <t>LUVA PROCEDIMENTO LÁTEX P -LEMGRUBER</t>
  </si>
  <si>
    <t>MASCARA DESCARTAVELC/50 - TALGE</t>
  </si>
  <si>
    <t xml:space="preserve">PVPI TÓPICO, 1LT -RIOQUIMICA </t>
  </si>
  <si>
    <t>REVELADOR RX 38 LTS -DPC</t>
  </si>
  <si>
    <t>BOBINA GRAU CIRURGICO 100 X 100 MM -POLLITEX</t>
  </si>
  <si>
    <t>BOBINA GRAU CIRURGICO 8 X 100 -POLLITEX</t>
  </si>
  <si>
    <t>CAMPO OPERATÓRIO ALGODÃO 23 X 25 -ANDREONI</t>
  </si>
  <si>
    <t>ROLO ESTERELIZAÇÃO 150X50 -POLLITEX</t>
  </si>
  <si>
    <t>ROLO ESTERELIZAÇÃO 50X50 -POLLITEX</t>
  </si>
  <si>
    <t>TOUCA DESCARTÁVEIS C/ 100 -TALGE</t>
  </si>
  <si>
    <t>TOTAL DO PEDIDO:</t>
  </si>
  <si>
    <t>DENTARIA POA</t>
  </si>
  <si>
    <t xml:space="preserve">CUNHAS ANATÔMICAS DE MADEIRA -IODONTOSUL </t>
  </si>
  <si>
    <t xml:space="preserve">EVIDENCIADOR DE PLACA BACTERIANA -C/120UNI - BIODINAMICA </t>
  </si>
  <si>
    <t>PAPEL CARBONO ARTICULAR - C/12 FOLHAS - BIODINAMICA</t>
  </si>
  <si>
    <t>RESINA COR DENTINA C2 -3M- MODELO Z100</t>
  </si>
  <si>
    <t>RESINA FLOW EA2 -FGM - OPALLIS FLOW</t>
  </si>
  <si>
    <t>RESINA  A3 3M -3M - MODELO: Z100</t>
  </si>
  <si>
    <t>RESINA C1 3M -3M -  MODELO: Z350</t>
  </si>
  <si>
    <t>RESINA  C3 3M - MODELO: Z350</t>
  </si>
  <si>
    <t>REVELADOR DE PLACA -BIODINAMICA</t>
  </si>
  <si>
    <t>ALCOOL ETÍLICO 70% 1 LITRO - CICLO FARMA</t>
  </si>
  <si>
    <t>REPELENTE DE INSENTOS P/ GESTANTES - COSMODERME</t>
  </si>
  <si>
    <t>BROFE+FENILEFRINA 12/15MG  - ELOFAR</t>
  </si>
  <si>
    <t>FIO DE SUTURA NYLON 2.0 - TECNOFHIO</t>
  </si>
  <si>
    <t>CAP</t>
  </si>
  <si>
    <t>AMIODARONA 100MG- CP -LIBBS - 30 COM</t>
  </si>
  <si>
    <t>ANLODIPINO 5MG +RAMIPRIL 5MG - NAPRIX A - 30 CPR - LIBBS</t>
  </si>
  <si>
    <t>APIXABANA 0,5MG - 60CPR - PFIZER</t>
  </si>
  <si>
    <t>DIMENIDRATO 50MG+PIRIDOXINA 10MG- CP -DRAMIN B6 - 30CPR - TAKEDA PHARMA</t>
  </si>
  <si>
    <t>HIDRALAZINA 25MG -APRESOLINA -  20 DRG - LIBBS</t>
  </si>
  <si>
    <t>MAXITROL COLÍRIO 4% - 5ML- (DEXAM.+NEOMIC.+POLIMIX B) ALCON</t>
  </si>
  <si>
    <t>METILFENIDATO 10 MG, CLORIDRATO -RITALINA - 60CPR - NOVARTIS</t>
  </si>
  <si>
    <t>NICOTINA 14MG-ADESIVO -NIQUITIN - 7 ADESIVOS- GLAXO</t>
  </si>
  <si>
    <t>NICOTINA 21MG-ADESIVO -NIQUITIN  - 7 ADESIVOS - GLAXO</t>
  </si>
  <si>
    <t>NICOTINA 7MG-ADESIVO -NIQUITIN - 7ADESIVOS- GLAXO</t>
  </si>
  <si>
    <t>NORIPURUM 100MG (FERRIPOLIMALTOSE) - 30CPR - TAKEDA</t>
  </si>
  <si>
    <t>PATANOL COLÍRIO- 5ML (OLOPATADINA 0,1%) -ALCON</t>
  </si>
  <si>
    <t>POLICRESULENO 18 MG GEL -50GR -ALBOCRESIL- TAKEDA</t>
  </si>
  <si>
    <t>VARFARINA SÓDICA 5MG - CX C/150CPR- FARMOQUIMICA</t>
  </si>
  <si>
    <t>VARFARINA SÓDICA 2,5MG - CX C/60CPR - FARMOQUIMICA</t>
  </si>
  <si>
    <t>NORTRIPTILINA 10MG- 30CAPS -NOVARTIS</t>
  </si>
  <si>
    <t>HIDRALAZINA 50MG - APRESOLINA - 20 DRG - NOVARTIS</t>
  </si>
  <si>
    <t xml:space="preserve">ALMOTOLIA 500ML - ESCURA- C/12 BICO RETO- J. PROLAB </t>
  </si>
  <si>
    <t xml:space="preserve">ADRENALINA (EPINEFRINA) 1MG/ML - 1ML - IM/IV - C/100AMP - HIPOLABOR </t>
  </si>
  <si>
    <t>ALENDRONATO SÓDICO 70MG - C/4 CPR - E.M.S</t>
  </si>
  <si>
    <t>ANLODIPINO, BESILATO 2,5MG - C/30CPR - BIOLAB</t>
  </si>
  <si>
    <t>ATORVASTATINA CÁLCICA 40MG- C/30CPR - E.M.S</t>
  </si>
  <si>
    <t>B.BROMETO DE ESCOPOLAMINA 20MG/ML - 1ML - SIMPLES- C/100AMP - HIPOLABOR</t>
  </si>
  <si>
    <t xml:space="preserve">B.BROMETO DE ESCOPOLAMINA 10MG -C/20CPR-  UNIÃO QUIMICA </t>
  </si>
  <si>
    <t xml:space="preserve">CINARIZINA 25MG - C/30CPR - BRAINFARMA/NEOQUIMICA </t>
  </si>
  <si>
    <t>CIPROFIBRATO 100MG C/90CPR - BIOLAB</t>
  </si>
  <si>
    <t>DILTIAZEN 60MG- C/50CPR - E.M.S</t>
  </si>
  <si>
    <t>ESPIRONOLACTONA 100MG-C/500CPR -  HIPOLABOR</t>
  </si>
  <si>
    <t>FUROSEMIDA 20MG/ML- 2ML - C/50AMP - FARMACE</t>
  </si>
  <si>
    <t>FUROSEMIDA 40 MG- C/500CPR-  HIPOLABOR</t>
  </si>
  <si>
    <t xml:space="preserve">GLIBENCLAMIDA 5MG - C/450CPR - GEOLAB </t>
  </si>
  <si>
    <t xml:space="preserve">ISOSSORBIDA 10MG, ISORDIL - C/30CPR - SIGMA PHARMA/EMS </t>
  </si>
  <si>
    <t xml:space="preserve">MELOXICAM 7,5MG- C/500CPR - PHARLAB </t>
  </si>
  <si>
    <t xml:space="preserve">NIFEDIPINA 10MG -C/30CPR - BRAINFARMA/NEO QUIMICA </t>
  </si>
  <si>
    <t xml:space="preserve">NIFEDIPINA 20MG -C/30CPR - BRAINFARMA/NEO QUIMICA </t>
  </si>
  <si>
    <t xml:space="preserve">SINVASTATINA 40MG - C/30CPR - GEOLAB </t>
  </si>
  <si>
    <t>ALPRAZOLAM 2MG -C/30CPR - E.M.S</t>
  </si>
  <si>
    <t>CLOMIPRAMINA 10MG, CLORIDRATO - C/20CPR - E.M.S</t>
  </si>
  <si>
    <t xml:space="preserve">CLOMIPRAMINA 75 MG CLORIDRATO - C/20CPR - SIGMA PHARMA/EMS </t>
  </si>
  <si>
    <t>TOPIRAMATO 25MG - C/60CPR -  E.M.S</t>
  </si>
  <si>
    <t>RESINA FOTO A 3,5  -3M</t>
  </si>
  <si>
    <t>RESINA FOTO C2 -3M</t>
  </si>
  <si>
    <t>ACIDOS GRAXOS 100 ML - C/24 NUTRIEX</t>
  </si>
  <si>
    <t>AGUA OXIGENADA, 10 VOL - 1.000ML - FARMAX</t>
  </si>
  <si>
    <t>CAIXA PERFURO CORTANTE - DEXCARTEX 3 LT -CX C/40 -AMERICA</t>
  </si>
  <si>
    <t>FIXADOR CITOPATOLÓGICO 100ML -C/12 - ADLIN</t>
  </si>
  <si>
    <t>FIXADOR GINECOLÓGIO 30 ML -C/24 - ADLIN</t>
  </si>
  <si>
    <t>SONDA URETRAL DESCART. Nº10 - C/01- MARKMED</t>
  </si>
  <si>
    <t>SORO FISIOLÓGICO 0,9% 1000ML - C/16FRC-FRESENIUS</t>
  </si>
  <si>
    <t xml:space="preserve">SORO GLICOFISIOLOGICO 1000 ML C/14BOLSAS-BEKER </t>
  </si>
  <si>
    <t>BOLS</t>
  </si>
  <si>
    <t>SORO MANITOL 20% -  250 ML - C/50FRC - FARMACE</t>
  </si>
  <si>
    <t xml:space="preserve">CEFTRIAXONA 1 GR PÓ - IM/IV - C/50FRC-ABL </t>
  </si>
  <si>
    <t xml:space="preserve">CLONIDINA 0,150 MG (ATENSINA) -C/30CPR - BOEHRINGER </t>
  </si>
  <si>
    <t xml:space="preserve">CLONIDINA 100MG-ATENSINA- C/30CPR -BOEHRINGER </t>
  </si>
  <si>
    <t xml:space="preserve">CLONIDINA 150MG- ATENSINA-C/30CPR -BOEHRINGER </t>
  </si>
  <si>
    <t xml:space="preserve">CLONIDINA 200MG- ATENSINA-C/30CPR - BOEHRINGER </t>
  </si>
  <si>
    <t xml:space="preserve">COLCHICINA 1MG- C/30CPR  -APSEN </t>
  </si>
  <si>
    <t>DEXAMETASONA 2MG/ML- 1ML - C/50AMP- FARMACE</t>
  </si>
  <si>
    <t>DICLOFENACO GEL-60GR -CX C/100BNG - SOBRAL</t>
  </si>
  <si>
    <t xml:space="preserve">ISOXSUPRINA CLORIDRATO 10MG-C/30CPR -APSEN </t>
  </si>
  <si>
    <t>MEBENDAZOL 100MG- 100BLT C/6 -SOBRAL</t>
  </si>
  <si>
    <t>MEBENDAZOL 20MG/ML - 30ML- SUSP -SOBRAL</t>
  </si>
  <si>
    <t>OXIBUTINA 5MG- C/60CPR - RETEMIC -APSEN</t>
  </si>
  <si>
    <t>POTÁSSIO 1080MG,CITRATO C/60CPR - APSEN</t>
  </si>
  <si>
    <t xml:space="preserve">POTÁSSIO 540 MG,CITRATO - C/60CPR -APSEN </t>
  </si>
  <si>
    <t xml:space="preserve">PRIMIDONA 100MG -C/100CPR - APSEN </t>
  </si>
  <si>
    <t xml:space="preserve">PRIMIDONA 250MG -C/20CPR -APSEN </t>
  </si>
  <si>
    <t xml:space="preserve">ROUVASTATINA CALCICA 10MG -C/30CPR -SANDOZ </t>
  </si>
  <si>
    <t xml:space="preserve">ROUVASTATINA CÁLCICA 20MG-C/30CPR-SANDOZ </t>
  </si>
  <si>
    <t xml:space="preserve">SINVASTATINA 10MG-C/30CPR  -SANDOZ </t>
  </si>
  <si>
    <t xml:space="preserve">SINVASTATINA 20 MG -C/150CPR -SANDOZ </t>
  </si>
  <si>
    <t>CLORETO DE SÓDIO 20% 10ML -C/200 -  FARMACE</t>
  </si>
  <si>
    <t xml:space="preserve">CLORETO DE POTÁSSIO 10%, 10ML -C/200 - FARMACE </t>
  </si>
  <si>
    <t>SULFASSALAZINA 500MG - AZULFIN - C/60CPR -APSEN</t>
  </si>
  <si>
    <t>VITAMINA C 500MG (ÁCIDO ASCÓRBICO) 5ML - C/100AMP -FARMACE</t>
  </si>
  <si>
    <t>ESCITALOPRAN OXALATO 10MG-C/70CPR  -TEUTO</t>
  </si>
  <si>
    <t>HIDROXICLOROQUINA,SULFATO 400MG -C/30CPR - APSEN</t>
  </si>
  <si>
    <t>TRAZODONA 50MG, CLORIDRATO - C/60CPR -APSEN</t>
  </si>
  <si>
    <t>TRAZODONA CLORIDRATO 150MG- C/60CPR  -APSEN</t>
  </si>
  <si>
    <t xml:space="preserve">RCC </t>
  </si>
  <si>
    <t xml:space="preserve">SONDA FOLEY N° 16 -  2 VIAS - WELL LEAD </t>
  </si>
  <si>
    <t xml:space="preserve">SONDA FOLEY N° 18 - 2 VIAS - WELL LEAD </t>
  </si>
  <si>
    <t>PINÇA KELLY -RT 14CM - WELDON</t>
  </si>
  <si>
    <t>PINÇA MOSQUITO CURVA 12,5CM -PROFESSIONAL</t>
  </si>
  <si>
    <t>PINÇA MOSQUITO RETA - 12,5CM - PROFESSIONAL</t>
  </si>
  <si>
    <t>TESOURA P/CURATIVO - LISTER 20CM - PROFESSIONAL</t>
  </si>
  <si>
    <t>CIPROFLOXACINO 0.35 % COLÍRIO -  CILOXAN COLIRIO 3,5MG/ML 1 FRS 5ML -NOVARTIS</t>
  </si>
  <si>
    <t>TEOFILINA 200MG -  TEOLONG 200 MG CX 30 CPS LIB.PROG. -  CX C/30 CPR - ABBOT</t>
  </si>
  <si>
    <t>TEOFILINA 100MG - TEOLONG 100 MG CX 30 CPS LIB.PROG - CX C/30CPR - ABBOT</t>
  </si>
  <si>
    <t>OFTANE LUBRIFICANTE OFTALMICO FRS 15ML - ALCON/NOVARTIS</t>
  </si>
  <si>
    <t>FLURAZEPAN 30MG DICLORIDRATO -  DALMADORM 30MG CX 30 CPR - DELTA/VALEANT</t>
  </si>
  <si>
    <t xml:space="preserve">TIOTRÓPIO,BROMETO 2,5MCG/4ML- 60 DOSES -SPIRIVA RESPIMAT </t>
  </si>
  <si>
    <t xml:space="preserve">ADENOSINA 3MG/ML 2ML-AMP -CX C/50AMP - HIPOLABOR </t>
  </si>
  <si>
    <t>ALCOOL IODADO 1LT -CX C/12FRC - RIOQUÍMICA</t>
  </si>
  <si>
    <t>CLOREXEDINA DEGERMANTE 2%, 1000 ML -CX C/12FRC - RIOQUÍMICA</t>
  </si>
  <si>
    <t xml:space="preserve">AAS 100MG, CX C/1.000CPR  -IMEC </t>
  </si>
  <si>
    <t xml:space="preserve">AAS 500MG-CX C/500CPR  -IMEC </t>
  </si>
  <si>
    <t>ACIDO FÓLICO 5MG-CX C/500CPR -HIPOLABOR</t>
  </si>
  <si>
    <t>AMINOFILINA 24MG/ML- CX C/100AMP  -FARMACE</t>
  </si>
  <si>
    <t xml:space="preserve">AMIODARONA 50MG/ML-CX C/100AMP  -HIPOLABOR </t>
  </si>
  <si>
    <t>ATROPINA 0,25MG/ML-CX C/100AMP -FARMACE</t>
  </si>
  <si>
    <t>ATROPINA, SULFATO 0,5MG/ML 1ML - CX C/100AMP -HYPOFARMA</t>
  </si>
  <si>
    <t>BUTIL BROMETO DE ESCOPOLAMINA SIMPLES GTS-20ML - CX C/200FRC - HIPOLABOR</t>
  </si>
  <si>
    <t xml:space="preserve">BACLOFENO 10MG-CX C/20CPR  -TEUTO </t>
  </si>
  <si>
    <t>BROMOPRIDA 10MG/2ML -CX C/100AMP  -HIPOLABOR</t>
  </si>
  <si>
    <t xml:space="preserve">CEDILANIDE 0,2MG/ML CX C/50AMP -UNIÃO QUIMICA </t>
  </si>
  <si>
    <t>CETOCONAZOL+BETA+NEOMICINA-CREME - CX C/50BNGS -PHARLAB</t>
  </si>
  <si>
    <t>CIMETIDINA 150MG/ML- CX C/100AMP -HYPOFARMA</t>
  </si>
  <si>
    <t>DEXAMETASONA 0,1MG/ML- XPE - CX C/60FRC -FARMACE</t>
  </si>
  <si>
    <t xml:space="preserve">DEXAMETASONA 1MG/G 10GR -CX C/50BNGS - MULTILAB </t>
  </si>
  <si>
    <t>DEXAMETASONA 4MG/ML- CX C/100AMP -FARMACE</t>
  </si>
  <si>
    <t xml:space="preserve">DEXCLORFENIRAMINA 2MG- CX C/500CPR  -GEOLAB </t>
  </si>
  <si>
    <t>DIGOXINA 0,25MG-CX C/500CPR -PHARLAB</t>
  </si>
  <si>
    <t>DIPIRONA 500MG GTS- 10ML -CX C/100FRC - FARMACE</t>
  </si>
  <si>
    <t>DIPIRONA 500MG/ML-CX C/100AMP  -FARMACE</t>
  </si>
  <si>
    <t>ENALAPRIL 10MG- CX C/500CPR -MEDQUIMICA</t>
  </si>
  <si>
    <t>ENALAPRIL 20MG-CX C/500CPR -MEDQUIMICA</t>
  </si>
  <si>
    <t>ESTRIOL CREME VAGINAL 50GR C/ APLICADOR - CX C/1BNG - SANVAL</t>
  </si>
  <si>
    <t xml:space="preserve">GLICOSE 50% - 10 ML - CX C/200AMP  -FARMACE </t>
  </si>
  <si>
    <t>LORATADINA 10MG-  CX C/480CPR -GEOLAB</t>
  </si>
  <si>
    <t xml:space="preserve">METOCLOPRAMIDA 10MG- CX C/500CPR  -HIPOLABOR </t>
  </si>
  <si>
    <t>NIFEDIPINA 20MG RETARD-  CX C/500CPR  -MEDQUIMICA</t>
  </si>
  <si>
    <t>NITROFURANTOÍNA 100MG-  CX C/280CPR  -TEUTO</t>
  </si>
  <si>
    <t xml:space="preserve">NORFLOXACINO 400MG- CX C/420CPR  - MEDQUIMICA </t>
  </si>
  <si>
    <t xml:space="preserve">OCITOCINA INJ - CX C/50AMP -UNIÃO QUIMICA </t>
  </si>
  <si>
    <t xml:space="preserve">PETIDINA,CLORIDRATO 50MG, 2ML - CX C/25AMP - UNIÃO QUIMICA </t>
  </si>
  <si>
    <t xml:space="preserve">PROMETAZINA 25MG, CLORIDRATO -  CX C/200CPR  -TEUTO </t>
  </si>
  <si>
    <t xml:space="preserve">RANITIDINA 25MG IV- CX C/120AMP  -TEUTO </t>
  </si>
  <si>
    <t xml:space="preserve">SALBUTAMOL 0,5 MG/ML-CX C/100AMP  -HIPOLABOR </t>
  </si>
  <si>
    <t xml:space="preserve">TERBUTALINA 0,5MG/ML 1ML -  CX C/100AMP  -HIPOLABOR </t>
  </si>
  <si>
    <t>TIMOLOL 0,5%, COLÍRIO - CX C/50FRC -TEUTO</t>
  </si>
  <si>
    <t>TRAVAPOSTA 0,04%- COLIRIO -  CX C/1FRC - GEOLAB</t>
  </si>
  <si>
    <t xml:space="preserve">TRIANCINOLONA ACETONIDA ORABASE 1MG -  CX C/100BNG - PRATI DONADUZZI </t>
  </si>
  <si>
    <t>ANESTESICO LIDOCAINA SEM VASO - CX C/100AMP -HIPOLABOR</t>
  </si>
  <si>
    <t xml:space="preserve">CARBAMAZEPINA 20MG/ML, SUSPENSÃO - CX C/1FRC-  UNIÃO QUIMICA </t>
  </si>
  <si>
    <t>CARBONATO DE LÍTIO 300MG- CX C/200 OU 500CPR  -ACTAVIS</t>
  </si>
  <si>
    <t xml:space="preserve">CLORPROMAZINA 5MG/ML -  CX C/50AMP  -UNIÃO QUIMICA </t>
  </si>
  <si>
    <t xml:space="preserve">FLUOXETINA 20MG- CX C/70CPR  -TEUTO </t>
  </si>
  <si>
    <t xml:space="preserve">LAMOTRIGINA 100MG- CX C/200CPR  -TEUTO </t>
  </si>
  <si>
    <t xml:space="preserve">LEVODOPA 250+ CARDIDOPA 25MG -  CX C/50CPR - TEUTO </t>
  </si>
  <si>
    <t xml:space="preserve">LORAZEPAN 2MG-CX C/100CPR -TEUTO </t>
  </si>
  <si>
    <t>MEMANTINA 10MG,CLORIDRATO-CX C/60CPR  -ACTAVIS</t>
  </si>
  <si>
    <t>MIDAZOLAN 5MG/ML CLORIDRATO-CX C/5AMP -TEUTO</t>
  </si>
  <si>
    <t>TRAMADOL CLORIDRATO 50MG CX C/CAPS -HIPOLABOR</t>
  </si>
  <si>
    <t>CAPS</t>
  </si>
  <si>
    <t>TRAMADOL 50MG/ML CLORIDRATO- CX C/6AMP -TEUTO</t>
  </si>
  <si>
    <t>TRAMADOL, CLORIDRATO 100MG/ML - CX C/100AMP -HIPOLABOR</t>
  </si>
  <si>
    <t>CURATIVO COM CARVAO ATIVADO -(CURATEC)  - C/10 UNI - LM FARMA</t>
  </si>
  <si>
    <t xml:space="preserve">ARIPIPRAZOL 10MG - CX C/30CPR - ACHÉ </t>
  </si>
  <si>
    <t xml:space="preserve">ARIPIPRAZOL 15MG -CX C/30CPR - ACHÉ </t>
  </si>
  <si>
    <t xml:space="preserve">ARIPIPRAZOL 20MG -CX C/30CPR- ACHÉ </t>
  </si>
  <si>
    <t xml:space="preserve">ARIPIPRAZOL 30MG -CX C/30CPR - ACHÉ </t>
  </si>
  <si>
    <t>BUDESONIDA 32MCG 120 DOSES -BIOSINTÉTICA</t>
  </si>
  <si>
    <t>BUDESONIDA 400MG - CX C/60CPR  -BIOSINTÉTICA</t>
  </si>
  <si>
    <t>BUDESONIDA 50MCG SPRAY 120 DOSES -BIOSINTÉTICA</t>
  </si>
  <si>
    <t>BUDESONIDA 64MCG C/ 120 DOSES - BIOSINTÉTICA</t>
  </si>
  <si>
    <t>CILOSTAZOL 100MG-CX C/60CPR -BIOSINTÉTICA</t>
  </si>
  <si>
    <t>CILOSTAZOL 50MG-CX C/60CPR - BIOSINTÉTICA</t>
  </si>
  <si>
    <t>GLICOSAMINA+CONDROITINA 500/400 MG-CX C/30CPR - ACHÉ</t>
  </si>
  <si>
    <t xml:space="preserve">LEVOTIROXINA SODICA 112MCG -CX C/30CPR - ACHÉ </t>
  </si>
  <si>
    <t>LEVOTIROXINA SÓDICA 125MCG- CX C/30CPR - ACHÉ</t>
  </si>
  <si>
    <t>LEVOTIROXINA SÓDICA 150MG - CX C/30CPR - ACHÉ</t>
  </si>
  <si>
    <t>LEVOTIROXINA SÓDICA 200MCG - CX C/30CPR - ACHÉ</t>
  </si>
  <si>
    <t xml:space="preserve">LEVOTIROXINA SÓDICA 25MCG- CX C/30CPR - ACHÉ </t>
  </si>
  <si>
    <t>LEVOTIROXINA SÓDICA 50MG- CX C/30CPR - ACHÉ</t>
  </si>
  <si>
    <t>LEVOTIROXINA SÓDICA 75MCG- CX C/30CPR -ACHÉ</t>
  </si>
  <si>
    <t>LEVOTIROXINA SÓDICA 88MG- CX C/30CPR - ACHÉ</t>
  </si>
  <si>
    <t>METOPROLOL 100MG, TARTARATO- CX C/30CPR - BIOSINTÉTICA</t>
  </si>
  <si>
    <t>METOPROLOL, SUCCINATO 100MG- CX C/30CPR - ASTRAZENECA</t>
  </si>
  <si>
    <t>METOPROLOL, SUCCINATO 25MG- CX C/30CPR - ASTRAZENECA</t>
  </si>
  <si>
    <t xml:space="preserve">TICAGRELOR 90MG - CX C/60CPR - ASTRAZENECA </t>
  </si>
  <si>
    <t xml:space="preserve">PREGABALINA 75MG- </t>
  </si>
  <si>
    <t>SERTRALINA, CLORIDRATO 25MG -  CX C/28CPR - BIOSINTÉTICA</t>
  </si>
  <si>
    <t>CUNHA ELASTICA SORTIDA - C/75UNI -TDV</t>
  </si>
  <si>
    <t>KIT POLIMENTO RESINA/AMALGAMA - C/6UNI SORTIDAS - MICRODONT</t>
  </si>
  <si>
    <t>MATRIZ MOLAR - C/20UNI - TDV</t>
  </si>
  <si>
    <t>UNIMATRIX - (SIST. DE MATRIZES 50 SORT + 2GRAMPOS) TDV</t>
  </si>
  <si>
    <t>DESOGESTREL +ETINELESTRADIOL 150/30MCG - CX C/21CPR -EUROFARMA</t>
  </si>
  <si>
    <t>ACIDO URSODESOXICÓLICO 150MG- CX C/30CPR - CHIESI</t>
  </si>
  <si>
    <t>ACIDO URSODESOXICÓLICO 300 MG- CX C/30CPR - CHIESI</t>
  </si>
  <si>
    <t>BAMIFILINA CLORIDRATO, 300MG- C/20DRGS -CHIESI</t>
  </si>
  <si>
    <t>DESOGESTREL150MCG +ETINELESTRADIOL 20MCG -CX C/21CPR- EUROFARMA</t>
  </si>
  <si>
    <t xml:space="preserve">DOXAZOSINA 2MG- CX C/30CPR - EUROFARMA </t>
  </si>
  <si>
    <t>MANIDIPINA 10MG - CX C/28CPR - CHIESI</t>
  </si>
  <si>
    <t xml:space="preserve">PROSSO (CITRAT.CÁLCIO 250MG+VIT.D3+CPR COLECALFIFEROL 2,5MCG) -CX C/30CPR - EUROFARMA </t>
  </si>
  <si>
    <t xml:space="preserve">SELEGININA 5MG-CX C/20CPR - CHIESI </t>
  </si>
  <si>
    <t xml:space="preserve">CARBONATO DE LÍTIO 450MG -CX C/30CPR -  EUROFARMA </t>
  </si>
  <si>
    <t xml:space="preserve">ESCITALOPRAN OXALATO 20 MG -CX C/30CPR - EUROFARMA </t>
  </si>
  <si>
    <t xml:space="preserve">QUETIAPINA FUMARATO 50MG -CX C/30CPR - EUROFARMA </t>
  </si>
  <si>
    <t xml:space="preserve">BISACODIL 5MG- CX C/20CPR - BRAINFARMA </t>
  </si>
  <si>
    <t xml:space="preserve">CEFAZOLINA SÓDICA 1 GR - IM/IV- CX C/50AMP -AGILA/MYLAN </t>
  </si>
  <si>
    <t>DEXCLORFENIRAMINA + BETAMETASONA XPE 120ML -CX C/1FRC -  BRAINFARMA</t>
  </si>
  <si>
    <t>CETOPROFENO 25MG/G GEL 30GR - CX C/1BNG - TEUTO</t>
  </si>
  <si>
    <t>CICLOBENZAPRINA 10MG-CX C/30CPR -EMS/GERMED</t>
  </si>
  <si>
    <t xml:space="preserve">COLÍRIO MOURA BRASIL-(NAFAZOLINA CLOR. + ZINCO SULF.) 20ML - GEOLAB </t>
  </si>
  <si>
    <t>FENTICONAZOL NITRATO 20MG/G CR.VAGINAL - 40GR +7APLIC. - CX C/1BNG- EUROFARMA</t>
  </si>
  <si>
    <t>FINASTERIDA 1MG-CX C/30CPR -MERCK</t>
  </si>
  <si>
    <t>FLUNARIZINA 10MG-CX C/50CPR - BRAINFARMA</t>
  </si>
  <si>
    <t xml:space="preserve">FRUTOSE + ASSOCIAÇÕES - 10ML CX C/100AMP -CRISTÁLIA </t>
  </si>
  <si>
    <t>MELOXICAM 15MG 1,5ML- CX C/5AMP - EUROFARMA</t>
  </si>
  <si>
    <t>ORGANONEURO CEREBRAL -CX C/25CPR - GROSS</t>
  </si>
  <si>
    <t xml:space="preserve">PRAVASTATINA SÓDICA 10MG - CX C/30CPR -MEDLEY </t>
  </si>
  <si>
    <t xml:space="preserve">PRAVASTATINA SÓDICA 40MG - CX C/30CPR -MEDLEY </t>
  </si>
  <si>
    <t>PROPRANOLOL 40MG- CX C/6.000 CPR -OSORIO</t>
  </si>
  <si>
    <t>SALICILATO DE METILA+ASSOCIAÇÕES 30GR-CX C/1BNG  -BRAINFARMA</t>
  </si>
  <si>
    <t>SOTALOL CLORIDRATO 120MG-CX C/30CPR -BRAINFARMA</t>
  </si>
  <si>
    <t xml:space="preserve">SOTALOL CLORIDRATO,160MG-CX C/30CPR  -MERCK </t>
  </si>
  <si>
    <t>SULFADIAZINA DE PRATA 1% - 50GR -CX C/200BNG - NATIVITA</t>
  </si>
  <si>
    <t>SUPOSITÓRIO GLICERINA ADULTO -CX C/6SUP. - HERTZ</t>
  </si>
  <si>
    <t>SUPOSITÓRIO GLICERINA INFANTIL -CX C/6SUP. - HERTZ</t>
  </si>
  <si>
    <t>TETRACICLINA POM.OFTÁLMICA 1% -3,5GR - CX C/1BNG - CIFARMA</t>
  </si>
  <si>
    <t>TIAMINA (VIT.B1) 100MG/ML IM/IV - 1ML - CX C/50AMP -CITOPHARMA</t>
  </si>
  <si>
    <t>TINIDAZOL + MICONAZOL CREME VAGINAL 40GR + APLIC.- CX C/1BNG - BRAINFARMA/COSMED</t>
  </si>
  <si>
    <t>CODEÍNA, FOSFATO 30MG-CX C/30CPR  -CRISTÁLIA</t>
  </si>
  <si>
    <t xml:space="preserve">NARATRIPTANA 2,5MG-CX C/10CPR  -EMS/NOVA QUIMICA </t>
  </si>
  <si>
    <t>ÁCIDO TRANEXÂMICO 50MG/ML - IV 5ML - CX C/5AMP -BLAU</t>
  </si>
  <si>
    <t>AMPICILINA SÓDICA 1GR-PÓ INJ. IV/IM -  CX C/100AMP - BLAU</t>
  </si>
  <si>
    <t>AMPICILINA 50MG/ML - 60ML -  CX C/50FRC+50COPOS MEDID.- PRATI DONADUZZI</t>
  </si>
  <si>
    <t>ATORVASTATINA CÁLCICA 20MG- CX C/30CPR  -CIMED</t>
  </si>
  <si>
    <t>AZITROMICINA 40MG/ML -15ML -  CX C/50FRC - PRATI</t>
  </si>
  <si>
    <t>CASTANHA DA INDIA 100MG -  CX C/60CAPS - CIFARMA</t>
  </si>
  <si>
    <t>CEFTRIAXONA DISSÓDICA 1GR- IV,PÓ INJ - CX C/100AMP - BLAU</t>
  </si>
  <si>
    <t>CUMARINA, TROXERRUTINA 15/90 MG-  CX C/60CPR -CIFARMA</t>
  </si>
  <si>
    <t>DIMENIDRATO+PIRIDOXINA 50/50MG/ML IM -1ML -NAUSICALM B6 -  CX C/50AMP- U. QUIMICA</t>
  </si>
  <si>
    <t>DOXAZOSINA 4MG- CX C/30CPR -MERCK</t>
  </si>
  <si>
    <t>ENALAPRIL 5 MG- CX C/500CPR -CIMED</t>
  </si>
  <si>
    <t>ENOXAPARINA SÓDICA 40MG/0,4ML - CX C/10UNI- BLAU</t>
  </si>
  <si>
    <t xml:space="preserve">FINASTERIDA 5MG- CX C/30CPR -MERCK </t>
  </si>
  <si>
    <t>FLORATIL 100MG - CX C/12CAPS -FLORENT- CIFARMA</t>
  </si>
  <si>
    <t>FLORATIL 200MG - PÓ -  CX C/4SCHS - FLORENT - CIFARMA</t>
  </si>
  <si>
    <t>GINKO BILOBA 80MG- CX C/30CPR  - CIMED</t>
  </si>
  <si>
    <t>GLIMEPIRIDA 2MG-  CX C/450CPR -CIMED</t>
  </si>
  <si>
    <t xml:space="preserve">ISOSSORBIDA 20MG,MONIDRATO- CX C/100CPR  -ZYDUS </t>
  </si>
  <si>
    <t xml:space="preserve">ISOSSORBIDA 40MG, MONONITRATO- CX C/20CPR  -ZYDUS </t>
  </si>
  <si>
    <t xml:space="preserve">LEVOFLOXACINO 500MG- CX C/7CPR -ZYDUS </t>
  </si>
  <si>
    <t>METFORMINA,CLORIDRATO 500MG- CX C/400CPR -PRATI</t>
  </si>
  <si>
    <t>METOTREXATO 2,5MG-  CX C/24CPR - BLAU</t>
  </si>
  <si>
    <t>NIMESULIDA 100 MG- CX C/600CPR - CIMED</t>
  </si>
  <si>
    <t>RANITIDINA 150MG, CLORIDRATO -  CX C/300CPR - MEDQUIMICA</t>
  </si>
  <si>
    <t>TANSULOSINA 0,4MG, CLORIDRATO- CX C/20CPR -GEOLAB</t>
  </si>
  <si>
    <t>TRIMEBUTINA 200MG- CX C/30CAPS -ALTHAIA</t>
  </si>
  <si>
    <t>CLONAZEPAN 0,5 MG- CX C/480CPR  -GEOLAB</t>
  </si>
  <si>
    <t xml:space="preserve">DIAZEPAN 5MG- CX C/1.000CPR -SANTISA </t>
  </si>
  <si>
    <t xml:space="preserve">DIAZEPAN 10MG- CX C/1.000CPR  -SANTISA </t>
  </si>
  <si>
    <t>DIVALPROATO SÓDIO 250MG (DEPAKOTE)  CX C/20CPR  -ZYDUS</t>
  </si>
  <si>
    <t>PARACETAMOL+CODEÍNA 500/30MG- CX C/96CPR   - GEOLAB</t>
  </si>
  <si>
    <t xml:space="preserve">PAROXETINA 20MG CLORIDRATO- CX C/30CPR  -ZYDUS </t>
  </si>
  <si>
    <t xml:space="preserve">QUETIAPINA , FUMARATO 200MG- CX C/30CPR - GEOLAB </t>
  </si>
  <si>
    <t xml:space="preserve">QUETIAPINA, FUMARATO 100 MG - CX C/30CPR - GEOLAB </t>
  </si>
  <si>
    <t xml:space="preserve">SERTRALINA, CLORIDRATO 50MG-  CX C/490CPR -GEOLAB </t>
  </si>
  <si>
    <t xml:space="preserve">TIORIDAZINA 25MG CLORIDRATO- CX C/20DRGS - UNITIDAZIN </t>
  </si>
  <si>
    <t xml:space="preserve">REPELENTE DE INSENTOS -LOÇÃO - 100ML - JHONSON </t>
  </si>
  <si>
    <t>ACARBOSE 100MG - CX C/30CPR - E.M.S</t>
  </si>
  <si>
    <t>ACARBOSE 50MG -CX C/30CPR - E.M.S</t>
  </si>
  <si>
    <t xml:space="preserve">ACECLOFENACO 100MG-CX C/12CPR  -GERMED </t>
  </si>
  <si>
    <t xml:space="preserve">ACECLOFENACO CREME 15MG/G - 30GR -GERMED </t>
  </si>
  <si>
    <t>ACETILCISTEÍNA 40MG/ML, 120ML ADULTO -GEOLAB</t>
  </si>
  <si>
    <t xml:space="preserve">ACIDO NICOTINICO 1000MG -CX C/30CPR -LIBBS </t>
  </si>
  <si>
    <t xml:space="preserve">ACIDO NICOTINICO 500MG -CX C/30CPR - LIBBS </t>
  </si>
  <si>
    <t xml:space="preserve">ACIDO NICOTINICO 750MG -CX C/30CPR - LIBBS </t>
  </si>
  <si>
    <t>AMOXAXILINA 875+CLAVULANATO 125MG -CX C/12CPR- GERMED</t>
  </si>
  <si>
    <t xml:space="preserve">ANLODIPINO 10MG+TELMISARTANA 80MG- CX C/30CPR - BOEHRINGER </t>
  </si>
  <si>
    <t xml:space="preserve">ANLODIPINO 5MG +TELMISARTANA 80 MG -CX C/30CPR - BOEHRINGER </t>
  </si>
  <si>
    <t xml:space="preserve">ANLODIPINO 2,5MG+LOSARTANA 100MG -CX C/30CPR-  BIOSINTETICA </t>
  </si>
  <si>
    <t xml:space="preserve">ANLODIPINO 2,5MG+LOSARTANA 50MG - CX C/30CPR - BIOSINTETICA </t>
  </si>
  <si>
    <t xml:space="preserve">ANLODIPINO 5+ATENOLOL 50MG -CX C/30CPR-  BIOSINTETICA </t>
  </si>
  <si>
    <t xml:space="preserve">ANLODIPINO 5+ENALAPRIL 20MG -CX C/30CPR- BIOSINTETICA </t>
  </si>
  <si>
    <t xml:space="preserve">ANLODIPINO 5+LOSARTANA 50MG - CX C/30CPR - BIOSINTETICA </t>
  </si>
  <si>
    <t xml:space="preserve">ANLODIPINO 5+LOSARTANA 100MG - CX C/30CPR - BIOSINTETICA </t>
  </si>
  <si>
    <t xml:space="preserve">ANLODIPINO 5MG+ATENOLOL 25MG -CX C/30CPR - BIOSINTETICA </t>
  </si>
  <si>
    <t xml:space="preserve">ARGININA 250MG, ASPARTATO -CX C/20CPR - ZYDUS </t>
  </si>
  <si>
    <t>ATENOLOL 100MG+CLORTALIDONA 25MG -CX C/30CPR - BIOLAB</t>
  </si>
  <si>
    <t xml:space="preserve">ATENOLOL 25MG+ CLORTALIDONA 12,5MG-CX C/30CPR- BIOLAB </t>
  </si>
  <si>
    <t xml:space="preserve">ATENOLOL 50MG+CLORTALIDONA 12,5MG- CX C/30CPR - GERMED </t>
  </si>
  <si>
    <t>BAMIFILINA CLORIDRATO, 600MG- CX C/20CPR - CHIESI</t>
  </si>
  <si>
    <t>BECLOMETASONA 250MCG SPRAY -  200DOSES - CHIESI</t>
  </si>
  <si>
    <t xml:space="preserve">BENESTARE 625MG  (POLICARBIFILA CÁLCICA) -CX C/30CPR - MEDLEY </t>
  </si>
  <si>
    <t>BIOVICERIN FLACONETE (BACILLUS CEREUS) - 100 FLACON. DE 5ML - GEYER</t>
  </si>
  <si>
    <t>BISOPROLOL 2,5, HEMIFUMARATO- CX C/30CPR - E.M.S</t>
  </si>
  <si>
    <t>BONVIVA-(IBANDRONATO DE SÓDIO 150MG ) -CX C/1CPR-  CRISTALIA</t>
  </si>
  <si>
    <t>BROMEXINA CLOR.2MG/ML - SOL.ORAL - 50ML -BOEHRINGER</t>
  </si>
  <si>
    <t>BROMEXINA 4MG/ML - XPE INFANTIL -120ML - BRAINFARMA</t>
  </si>
  <si>
    <t>BUSPIRONA, CLORIDRATO 10 MG -CX C/20CPR - LIBBS</t>
  </si>
  <si>
    <t>BUSPIRONA, CLORIDRATO 5MG -CX C/20CPR - LIBBS</t>
  </si>
  <si>
    <t>CANDERSATANA CILEXETILA,16MG - CX C/30CPR - GERMED</t>
  </si>
  <si>
    <t>CARVÃO VEGETAL ATIVADO 250MG - CX C/20CPR - UNIÃO QUIMICA</t>
  </si>
  <si>
    <t>CEFACLOR 500MG-CX C/10CPR -E.M.S</t>
  </si>
  <si>
    <t>CEFACLOR 250MG/5ML- 100ML -GERMED</t>
  </si>
  <si>
    <t>CEFALIUM (DI-HIDROERGOTAMINA+PARACET+CAFEINA+METCLOP)CX C/12CPR -ACHE</t>
  </si>
  <si>
    <t>CEFTRIAXONA 500MG C/DILUENTE  IM - EUROFARMA</t>
  </si>
  <si>
    <t>CETAPHIL LOÇÃO HIDRATANTE 473ML- GALDERMA</t>
  </si>
  <si>
    <t>CETOPROFENO 100MG - CX C/20CPR -MEDLEY</t>
  </si>
  <si>
    <t>CLARITROMICINA 500MG - CX C/10CPR - E.M.S</t>
  </si>
  <si>
    <t xml:space="preserve">COMBIRON FÓLICO (FERROCARBONILA+ASSOCIAÇÕES) CX C/45CPR  -ACHE </t>
  </si>
  <si>
    <t xml:space="preserve">COMBIRON SUSP. 120ML -ACHE </t>
  </si>
  <si>
    <t>CROMOGLICATO 4% DISSODICO - SOL. OFTALMICA -ALLERGAN</t>
  </si>
  <si>
    <t>DESLORATADINA 5MG-CX C/30CPR - E.M.S</t>
  </si>
  <si>
    <t>DEXAMETASONA 4MG-CX C/10CPR  -E.M.S</t>
  </si>
  <si>
    <t xml:space="preserve">DEXA CITONEURIN (DEXA+TIAMI+PIRODOX+CIAN) </t>
  </si>
  <si>
    <t>DEXAMETASONA 0,1%+TOBRAMICINA 0,3% -COLÍRIO 5ML -BIOSINTETICA</t>
  </si>
  <si>
    <t>DEXCLORFENIRAMINA 2MG+BETAMETASONA 0,25MG-CX C/20CPR - E.M.S</t>
  </si>
  <si>
    <t>DIACEREÍNA 50MG-CX C/30CPR -TRB</t>
  </si>
  <si>
    <t>DILTIAZEN 120MG-CX C/30CPR -BALDACCI</t>
  </si>
  <si>
    <t>DILTIAZEN 30MG-CX C/50CPR - NOVAQUÍMICA</t>
  </si>
  <si>
    <t>DILTIAZEN 90MG-CX C/30CPR -BALDACCI</t>
  </si>
  <si>
    <t>DROSPIRENOMA 3MG+ETINILESTRADIOL 0,03MG- CARTELA C/21CPR -GERMED</t>
  </si>
  <si>
    <t>DUOVENT (IPRATOPIO +FENOTEROL+AEROSSOL) 10ML -BOEHRINGER</t>
  </si>
  <si>
    <t>EBASTINA 10MG -CX C/10CPR -EUROFARMA</t>
  </si>
  <si>
    <t>EMMA 400MG (TOCOFEROL) CX C/30CPR - ACHÉ</t>
  </si>
  <si>
    <t>ERITROMICINA 500MG-CX C/21CPR -ACHE</t>
  </si>
  <si>
    <t>ESPIRAMICINA 1,5 UI-CX C/16CPR -SANOFI</t>
  </si>
  <si>
    <t>ETNA-CX C/20CPR - GROSS</t>
  </si>
  <si>
    <t>EZOMEPRAZOL MAGNÉSIO 40MG, CX C/28CPR -E.M.S</t>
  </si>
  <si>
    <t>FEMPROCUMONA 3 MG-CX C/25CPR  -ROCHE</t>
  </si>
  <si>
    <t>FEXOFENADINA 120MG -CX C/10CPR - E.M.S</t>
  </si>
  <si>
    <t>FEXOFENADINA 180MG -CX C/10CPR -E.M.S</t>
  </si>
  <si>
    <t>FLORATIL 200MG - CX C/6CPR -LEGRAND</t>
  </si>
  <si>
    <t>GENFIBROZILA 900 MG - CX C/12CPR - GERMED</t>
  </si>
  <si>
    <t>GENTAMICINA COLÍRIO 5MG/ML - 5ML - ALLERGAM</t>
  </si>
  <si>
    <t>GLIMEPIRIDA 4MG - CX C/60CPR - E.M.S</t>
  </si>
  <si>
    <t>HIDROCLOROTIAZIDA 25MG + LOSARTANA 100MG - CX C/30CPR - GERMED</t>
  </si>
  <si>
    <t xml:space="preserve">HIDROCLOROTIAZIDA 12,5MG + IRBESARTANA 150MG -CX C/30CPR - EUROFARMA </t>
  </si>
  <si>
    <t>HIDROCLOROTIAZIDA 25MG + AMILORIDA 2,5MG-CX C/30CPR -SUPERA</t>
  </si>
  <si>
    <t>HIDROCLOROTIAZIDA 12,5MG + CANDERSATANA 16MG-CX C/30CPR - E.M.S</t>
  </si>
  <si>
    <t>HIDROCLOROTIAZIDA 50MG +ESPIRONOLACTONA 50MG-CX C/30CPR -SANOFI</t>
  </si>
  <si>
    <t xml:space="preserve">HIDROCLOROTIAZIDA 12,5MG + METOPROLOL(TARTARATO) 100MG -CX C/30CPR -ASTRAZENECA </t>
  </si>
  <si>
    <t>HIDROXIZINA 25 MG, DICLORIDRATO - CX C/30CPR - E.M.S</t>
  </si>
  <si>
    <t>IPSILON (ÁCIDO AMINOPRÓICO 500MG) CX C/36CPR -NIKKO</t>
  </si>
  <si>
    <t>LANSOPRAZOL 30MG+CLARITROMICINA 500MG +AMOXACILINA 500MG CX C/56CPR - TEUTO</t>
  </si>
  <si>
    <t>LEVODROPROPIZINA 30MG/5ML-120ML -ACHE</t>
  </si>
  <si>
    <t>LISINOPRIL 5MG - CX C/30CPR -  E.M.S</t>
  </si>
  <si>
    <t>METOPROLOL, SUCCINATO 50MG- CX C/30CPR - ACCORD</t>
  </si>
  <si>
    <t>MONTELUCOSTE DE SÓDIO 4MG - 10 SCHES -BIOSINTÉTICA</t>
  </si>
  <si>
    <t>NAPROXENO SÓDICO 500MG -- CX C/20CPR -  TEUTO</t>
  </si>
  <si>
    <t>NICOTINA GOMA DE MASCAR 2MG -- CX C/30UNI - JHONSON</t>
  </si>
  <si>
    <t>NICOTINA GOMA DE MASCAR 4MG -- CX C/30UNI - JHONSON</t>
  </si>
  <si>
    <t>OLMESARTANA MEDOXOMILA 20MG, - CX C/60CPR - TORRENT</t>
  </si>
  <si>
    <t>OLMESARTANA MEDOXOMILA 40MG-- CX C/60CPR -TORRENT</t>
  </si>
  <si>
    <t xml:space="preserve">OMEGA 3, 100MG - 120 CAPS - CATARINENSE </t>
  </si>
  <si>
    <t>OTOSYNALAR GTS (FLUOCIN + NEOMIC+POLIM B+LIDOCA)  E.M.S</t>
  </si>
  <si>
    <t>PANTOPRAZOL 20MG-- CX C/42CPR  - E.M.S</t>
  </si>
  <si>
    <t>PERICIASINA 10MG/ML - INFANTIL - GTS - 20ML - SANOFI</t>
  </si>
  <si>
    <t>PERICIASINA 40MG/ML- ADULTO - GTS -20ML - SANOFI</t>
  </si>
  <si>
    <t>POLICRESULENO 30GR C/ 10 APLICADORES (PROCTYL) -TAKEDA</t>
  </si>
  <si>
    <t>PRAVASTATINA SÓDICA 20MG - - CX C/30CPR -MEDLEY</t>
  </si>
  <si>
    <t xml:space="preserve">PROGESTERONA 100MG-- CX C/30CPR -BESINS </t>
  </si>
  <si>
    <t>PROMESTRIENO 10MG/G -30GR - EUROFARMA</t>
  </si>
  <si>
    <t xml:space="preserve">PROPATILNITRATO 10MG - - CX C/50CPR -SANKYO </t>
  </si>
  <si>
    <t xml:space="preserve">RAMIPRIL 2,5MG-- CX C/60CPR -MEDLEY </t>
  </si>
  <si>
    <t xml:space="preserve">RAMIPRIL 5MG-- CX C/60CPR -MEDLEY </t>
  </si>
  <si>
    <t>STIPROX 1,5% SHAMPOO 120ML -STIEFEL</t>
  </si>
  <si>
    <t>VALSARTANA 80MG-- CX C/30CPR -GERMED</t>
  </si>
  <si>
    <t>CETOROLACO 10MG, TROMETAMOL SL -(TORAGESIC) CX C/20CPR - SIGMA</t>
  </si>
  <si>
    <t>ALPRAZOLAM 0,25 MG-- CX C/20CPR -GERMED</t>
  </si>
  <si>
    <t>ALPRAZOLAM 0.5 MG-- CX C/30CPR - E.M.S</t>
  </si>
  <si>
    <t>ALPRAZOLAM 1MG- - CX C/30CPR -E.M.S</t>
  </si>
  <si>
    <t>BROMAZEPAN 1MG + SULPIRIDA 25MG - - CX C/20CPR -SANOFI</t>
  </si>
  <si>
    <t>BUPROPIONA 150MG, CLORIDRATO -- CX C/60CPR OU 30CPR - E.M.S</t>
  </si>
  <si>
    <t>CELECOXIB 200MG-- CX C/30CPR -BIOSINTETICA</t>
  </si>
  <si>
    <t xml:space="preserve">CLOBAZAM 20MG- - CX C/20CPR  -SANOFI </t>
  </si>
  <si>
    <t>CLOMIPRAMINA 25MG, CLORIDRATO - CX C/20CPR -GERMED</t>
  </si>
  <si>
    <t>CLOPIXOL DEPOT 200MG/ML (ZUCLOPENTIXOL)  INJ. -LUNDBEK</t>
  </si>
  <si>
    <t>CLORPROPAMIDA 250MG -- CX C/30CPR - WYETH</t>
  </si>
  <si>
    <t>CLOXAZOLAN 1MG-- CX C/30CPR -SANDOZ</t>
  </si>
  <si>
    <t>CLOXAZOLAN 2MG- - CX C/30CPR - SANDOZ</t>
  </si>
  <si>
    <t>COLÍRIO ANESTÉSICO - (TETRACAÍNA 1%+ FENILEFRINA0,1%) 10ML-ALLERGAM</t>
  </si>
  <si>
    <t>DESVENLAFAXINA MONOIDRATADO (SUCCINATO)50MG - CX C/28CPR - WYETH</t>
  </si>
  <si>
    <t xml:space="preserve">DISSULFIRAM 250 MG (ANTIETANOLOL) - CX C/20CPR - SANOFI </t>
  </si>
  <si>
    <t>DULOXETINA 30MG-- CX C/30CPR - NOVAQUÍMICA</t>
  </si>
  <si>
    <t>ETERICOXIBE 90 MG -- CX C/7CPR - MERCK</t>
  </si>
  <si>
    <t>FLUNITRAZEPAN 2MG-- CX C/20CPR - SIGMA</t>
  </si>
  <si>
    <t>IMIPRAMINA CLORIDRATO 10MG-- CX C/20CPR -ASPEN</t>
  </si>
  <si>
    <t>LEVODOPA 100MG +BENZERAZIDA 25 MG - CX C/60CPR  -ROCHE</t>
  </si>
  <si>
    <t>LORAZEPAN 1MG-- CX C/20CPR -WYETH</t>
  </si>
  <si>
    <t>NITRENDIPINO 10MG-- CX C/30CPR -BIOSINTETICA</t>
  </si>
  <si>
    <t>NITRENDIPINO 20MG-- CX C/30CPR -BIOSINTETICA</t>
  </si>
  <si>
    <t>OXCARBAMAZEPINA 6% SUSP. ORAL - 100ML - UNIÃO QUIMICA</t>
  </si>
  <si>
    <t xml:space="preserve">SULPIRIDA 200MG - CX C/20CPR -SANOFI </t>
  </si>
  <si>
    <t xml:space="preserve">SULPIRIDA 50MG - - CX C/20CPR -SANOFI </t>
  </si>
  <si>
    <t>TOPIRAMATO 100MG-- CX C/60CPR -E.M.S</t>
  </si>
  <si>
    <t>TRAZODONA, CLORIDRATO 100MG - CX C/30CPR -E.MS</t>
  </si>
  <si>
    <t>LANCETA PARA HGT -COM DISPOSITIVO DE SEGURANÇA - STERILANCE</t>
  </si>
  <si>
    <t>AAS 81 MG TAMPONADO, ECASIL - CX C/32CPR - E.M.S</t>
  </si>
  <si>
    <t>AAS 100MG, TAMPONADO - CX C/32CPR- E.M.S</t>
  </si>
  <si>
    <t>AAS 200 MG, TAMPONADO -CX C/32CPR-  E.M.S</t>
  </si>
  <si>
    <t>AAS 325MG TAMPONADO - CX C/32CPR - E.M.S</t>
  </si>
  <si>
    <t>ACETILCISTEÍNA 600MG-PÓ SOL. ORAL  - ENVEL C/16 -  GEOLAB</t>
  </si>
  <si>
    <t>AMINOFILINA 200MG-  CX C/20CPR -VITAMEDIC</t>
  </si>
  <si>
    <t>AMIODARONA 200MG -  CX C/30CPR - GEOLAB</t>
  </si>
  <si>
    <t>CANDERSATANA CILEXETILA 8MG- CX C/30CPR - E.M.S</t>
  </si>
  <si>
    <t>CLORANFENICOL 1 GR S/DIL IV - BLAU</t>
  </si>
  <si>
    <t>CLORTALIDONA 12,5MG-  CX C/60CPR - E.M.S</t>
  </si>
  <si>
    <t>CLORTALIDONA 25MG - CX C/60CPR -  E.M.S</t>
  </si>
  <si>
    <t>COLCHICINA 0,5MG-  CX C/20CPR-  GREENPHARMA</t>
  </si>
  <si>
    <t>DEXPANTENOL 50MG POMADA 30GR - NATIVITA</t>
  </si>
  <si>
    <t>DIPIRONA + CAFEINA + ORFENADRINA -  CX C/30CPR - CIMED</t>
  </si>
  <si>
    <t>DIPIRONA +CAFEINA + ORFENADRINA   200CPR - PHARMASCIENCE</t>
  </si>
  <si>
    <t>DIPIRONA + ISOMETEPTENO + CAFEÍNA - CX C/200DRG - DELTA</t>
  </si>
  <si>
    <t>DROPROPIZINA 1,5MG/ML - XPE INFANTIL - 120 ML - NEO QUIMICA</t>
  </si>
  <si>
    <t xml:space="preserve">GENTAMICINA 40MG/ML - IM/IV 1ML - NOVA FARMA </t>
  </si>
  <si>
    <t>HIDROCLOROTIAZIDA 25MG +PROPANOLOL 40 MG - CX C/30CPR- E.M.S</t>
  </si>
  <si>
    <t>HIDROCLOROTIAZIDA 25MG  +PROPANOLOL 80 MG - CX C/30CPR- E.M.S</t>
  </si>
  <si>
    <t xml:space="preserve">HIDROCLOROTIAZIDA 12,5MG +VALSARTANA 160MG - NOVA QUIMICA </t>
  </si>
  <si>
    <t>HIDROCLOROTIAZIDA 25MG + ENALAPRIL 10MG - - CX C/60CPR - BIOLAB</t>
  </si>
  <si>
    <t>HIDROCLOROTIAZIDA  25MG+LOSARTANA 100MG -- CX C/30CPR - E.M.S</t>
  </si>
  <si>
    <t>HIDROCLOROTIAZIDA 25MG +VALSARTANA 160MG - CX C/30CPR- E.M.S</t>
  </si>
  <si>
    <t>LOPERAMIDA 2MG (IMOSEC) - CX C/200CPR - GLOBO</t>
  </si>
  <si>
    <t>LISINOPRIL 10MG-- CX C/30CPR - E.M.S</t>
  </si>
  <si>
    <t xml:space="preserve">LISINOPRIL 20MG-- CX C/30CPR - E.M.S </t>
  </si>
  <si>
    <t>LOPERAMIDA 2 MG - - CX C/200MG - GLOBO</t>
  </si>
  <si>
    <t>MEDROXIPROGESTERONA 10MG -  - CX C/5CPR - E.M.S</t>
  </si>
  <si>
    <t>NIMODIPINO 30MG- - CX C/30CPR - VITAMEDIC</t>
  </si>
  <si>
    <t>OMEPRAZOL 10MG - - CX C/14CPR - E.M.S</t>
  </si>
  <si>
    <t xml:space="preserve">ORLISTATE 120MG -- CX C/84CPR - NEO QUIMICA </t>
  </si>
  <si>
    <t>PENTOXIFILINA 400MG - CX C/30CPR -E.M.S</t>
  </si>
  <si>
    <t>PINAVÉRIO, BROMETO 100MG - - CX C/30CPR - NOVA QUÍMICA</t>
  </si>
  <si>
    <t>RISEDRONATO DE SÓDIO 35MG- - CX C/4CPR -E.MS.</t>
  </si>
  <si>
    <t>SIMETICONA 40 MG -- CX C/20CPR - GLOBO</t>
  </si>
  <si>
    <t>SERENUS - CX C/20CPR - MARJAN</t>
  </si>
  <si>
    <t>TELMISARTANA 40MG - CX C/30CPR - E.M.S</t>
  </si>
  <si>
    <t>TELMISARTANA 80MG - CX C/30CPR - E.M.S</t>
  </si>
  <si>
    <t>TRIQUILAR (LEVONOGESTREL+ESTINILESTRADIOL) CART C/ 21 -  E.M.S</t>
  </si>
  <si>
    <t>CARBAMAZEPINA CR 400 MG -- CX C/20CPR- GERMED</t>
  </si>
  <si>
    <t>DIVALPROATO DE SÓDIO 500MG- DEPAKOTE - CX C/20CPR - ZYDUS</t>
  </si>
  <si>
    <t>OLANZAPINA 10MG - CX C/28CPR - E.M.S</t>
  </si>
  <si>
    <t>OLANZAPINA 5MG - CX C/28CPR - E.M.S</t>
  </si>
  <si>
    <t>PRAMIPEXOL, DICLORIDRATO 0,25MG -  CX C/30CPR - E.M.S</t>
  </si>
  <si>
    <t>PRAMIPEXOL, DICLORIDRATO 1MG - CX C/30CPR - E.M.S</t>
  </si>
  <si>
    <t>QUETIAPINA FUMARATO 25MG - CX C/30CPR - E.M.S</t>
  </si>
  <si>
    <t>SERTRALINA 100MG, CLORIDRATO - CX C/30CPR- GEOLAB</t>
  </si>
  <si>
    <t>TOPIRAMATO 50MG - CX C/60CPR - E.M.S</t>
  </si>
  <si>
    <t>ZOLPIDEM HEMITARTARATO 5MG - CX C/30CPR - E.M.S</t>
  </si>
  <si>
    <t>CARBONATO DE CALCIO 600MG + VIT D 400UI - NATULAB</t>
  </si>
  <si>
    <t>HIDROXIDO DE ALUMINIO+ MAGNÉSIO SUSP - 150ML -NATULAB</t>
  </si>
  <si>
    <t>ALCOOL GEL 70%  - CICLOFARMA</t>
  </si>
  <si>
    <t xml:space="preserve">EQUIPO MULTI VIAS - VITAL GOLD </t>
  </si>
  <si>
    <t>LAMINA BISTURI N° 12 CX C/ 100 -AÇO INOX - ADVENTIVE</t>
  </si>
  <si>
    <t>AMINOFILINA 100MG -CX C/20CPR- HYPERMARCAS/BRAINFARMA</t>
  </si>
  <si>
    <t>ANLODIPINO 10MG -CX C/30CPR -HYPERMARCAS/BRAINFARMA</t>
  </si>
  <si>
    <t>ATORVASTATINA CÁLCICA 10MG  -CX C/60CPR - HYPERMARCAS/BRAINFARMA</t>
  </si>
  <si>
    <t>CINARIZINA 75MG- -CX C/30CPR  - HYPERMARCAS/BRAINFARMA</t>
  </si>
  <si>
    <t>CLOBETAZOL 0,5MG CREME 30GR -HYPERMARCAS/BRAINFARMA</t>
  </si>
  <si>
    <t>VITAMINA D (COLECALCIFEROL) 50.000 UI   -CX C/4CPR - HYPERMARCAS/FARMASA</t>
  </si>
  <si>
    <t>DEXCLORFENIRAMINA 0,4MG/ML+BETAMETASONA 0,05MG/ML - 120ML - CX C/50FRC - HYPERMARCAS/BRAINFARMA</t>
  </si>
  <si>
    <t>DICLOFENACO POTÁSSICO 50MG, - CX C/10CPR - HYPERMARCAS/BRAINFARMA</t>
  </si>
  <si>
    <t>DOMPERIDONA 1MG/ML SUSP -100ML - HYPERMARCAS/MEDLEY</t>
  </si>
  <si>
    <t>DIPIRONA 500 +PROMETAZINA 5+ADIFENINA 10 MG/ML - GTS -LISADOR - 15ML - HYPERMARCAS/COSMED</t>
  </si>
  <si>
    <t xml:space="preserve">DROPROPIZINA 15MG/5ML - ADULTO - 120ML -  HYPERMARCAS/BRAINFARMA </t>
  </si>
  <si>
    <t>ESTRADIOL VALERATO 1MG, CARTELA - CX C/28 DRG -BAYER</t>
  </si>
  <si>
    <t xml:space="preserve">EZETIMIBA 10MG- CX C/60CPR -ALTHAIA </t>
  </si>
  <si>
    <t>LEVOTIROXINA SÓDICA 100MCG - CX C/50CPR - MERCK</t>
  </si>
  <si>
    <t>MESALAZINA 800MG - CX C/30CPR -HYPERMARCAS/BRAINFARMA</t>
  </si>
  <si>
    <t>PARACETAMOL 300+CARISOPRODOL 125+CAFEINA 30+DICLOFENACO 50MG - CX C/200CPR -HYPERMARCAS/BRAINFARMA</t>
  </si>
  <si>
    <t>RANITIDINA 300MG-- CX C/20CPR - HYPERMARCAS</t>
  </si>
  <si>
    <t>TIAMAZOL 10MG - CX C/50CPR - BIOLAB</t>
  </si>
  <si>
    <t>TIAMAZOL 5MG - CX C/100CPR - BIOLAB</t>
  </si>
  <si>
    <t>TIBOLONA 1,25MG - CX C/30CPR - BIOLAB</t>
  </si>
  <si>
    <t>TIBOLONA 2,5MG- CX C/28CPR - HYPERMARCAS/BRAINFARMA</t>
  </si>
  <si>
    <t>FRALDA GERIATRICA M -PCT C/8UNI - VENEZA</t>
  </si>
  <si>
    <t>BRINZOLAMIDA 1% SUSP. OFTALMICA -5ML (AZOPT)-ALCON</t>
  </si>
  <si>
    <t>CARBOXIMETILCELULOSE SÓDICA 0,5% (ECOFILM) 5ML - LATINOFARM</t>
  </si>
  <si>
    <t>NEOMICINA+ BACITRACINA 30GR - MEDLEY</t>
  </si>
  <si>
    <t>AMOXACILINA 250MG+CLAVULANATO 62,5 MG/ML 100ML -GLAXO</t>
  </si>
  <si>
    <t>DICLOFENACO SÓDICO 50MG - CX C/500CPR - VITAMED</t>
  </si>
  <si>
    <t>DUTASTERIDA 0,5MG +TANSULOSINA 0,4MG - CX C/30CAPS - GLAXO</t>
  </si>
  <si>
    <t>FLUTICASONA 27,5 MCG/DOSE - SPRAY 120 DOSES -GLAXO</t>
  </si>
  <si>
    <t>FLUTICASONA 250MCG +SALMETEROL 25MCG -120 DOSES -GLAXO</t>
  </si>
  <si>
    <t>INDACATEROL MALEATO 300MG C/INALADOR - CX C/30CAPS -NOVARTIS</t>
  </si>
  <si>
    <t>PINAVÉRIO, BROMETO 50MG - CX C/20CPR - ABBOTT</t>
  </si>
  <si>
    <t>PROPILTIURACIL 100MG -- CX C/30CPR - BIOLAB</t>
  </si>
  <si>
    <t>RETINOL ACETATO+ COLECALCIFEROL 50000/10000UI - 10ML - CX C/200FRC - NATULAB</t>
  </si>
  <si>
    <t>ACIDO VALPRÓICO 250MG - DEPAKENE - CX C/50CAPS - ABBOTT</t>
  </si>
  <si>
    <t>ACIDO VALPRÓICO 300MG -DEPAKENE - CX C/25CPR ABBOTT</t>
  </si>
  <si>
    <t>ACIDO VALPRÓICO 500MG- DEPAKENE - CX C/50CPR - ABBOTT</t>
  </si>
  <si>
    <t>LEITE PREGOMIN 400 GR -PREGOMIN PEPTI - DANONE</t>
  </si>
  <si>
    <t>SORO GLICOSE 5%, 1000ML - SISTEMA FECHADO - CX C/12FRC - SANOBIOL</t>
  </si>
  <si>
    <t>AMBROXOL 15MG/5ML XPE INFANTIL -120ML - CX C/60FRC - FARMACE</t>
  </si>
  <si>
    <t>AMBROXOL 30MG/5ML XPE ADULTO-120ML - CX C/60FRC - FARMACE</t>
  </si>
  <si>
    <t>BUTILBROMETO DE ESCOPOLAMINA+DIPIRONA GTS -20ML - CX C/100FRC - FARMACE</t>
  </si>
  <si>
    <t xml:space="preserve">CARB.DE CALCIO 500+ VIT.D 400 UI - CX C/60CPR - RDC </t>
  </si>
  <si>
    <t>CETOPROFENO 50MG - CX C/24CPR - NEO/HYPER/BRAIN</t>
  </si>
  <si>
    <t>CLORTALIDONA 50MG - CX C/28CPR - VITAMEDIC</t>
  </si>
  <si>
    <t>DIMENIDRATO 25MG +PIRIDOXINA 5MG/ML 20ML - NAUSILON B6 GOTAS - CIFARMA</t>
  </si>
  <si>
    <t>ESPIRONOLACTONA 25MG - - CX C/200CPR - ASPEN</t>
  </si>
  <si>
    <t>ESTROGENIOS CONJ.0,625 MG - CX C/28CPR - MABRA</t>
  </si>
  <si>
    <t>HIDROCLOROTIAZIDA 50+AMILORIDA 5MG - CX C/30CPR - NEO/HYPER/BRAINF</t>
  </si>
  <si>
    <t>HIDROCLOROTIAZIDA 50MG - CX C/500CPR - PHARLAB</t>
  </si>
  <si>
    <t>LIDOCAÍNA 2% LIQUIDA - SEM VASO CONSTRITOR, 20ML -CX C/25FRC - HIPOLABOR</t>
  </si>
  <si>
    <t>METILDOPA 250MG - CX C/500CPR - SANVAL</t>
  </si>
  <si>
    <t>METILDOPA 500MG - CX C/500CPR -SANVAL</t>
  </si>
  <si>
    <t>METOCLOPRAMIDA 5MG/ML 2ML - CX C/240AMP - ISOFARMA</t>
  </si>
  <si>
    <t>METRONIDAZOL 100MG CREME VAGINAL - CX C/50BNG - PRATI DONADUZZI</t>
  </si>
  <si>
    <t>NORESTISTERONA 0,35 MG -CX C/35 - BIOLAB</t>
  </si>
  <si>
    <t>SULFATO FERROSO 125MG/ML- 30ML - CX C/200FRC - HIPOLABOR</t>
  </si>
  <si>
    <t>AMITRIPTILINA 25MG CLORIDRATO- CX C/20CPR - NEO/HYPER/BRAIF</t>
  </si>
  <si>
    <t>CLORPROMAZINA 25MG, CLORIDRATO (LONGACTIL) - CX C/200CPR - CRISTALIA</t>
  </si>
  <si>
    <t>CETOPROFENO 100MG IV- CX C/50AMP - CRISTÁLIA</t>
  </si>
  <si>
    <t>CETOPROFENO 50MG/ML IM- CX C/48AMP - CRISTÁLIA</t>
  </si>
  <si>
    <t xml:space="preserve">CLORANFENICOL COM FIBRASE- CX C/10 BSG - CRISTÁLIA </t>
  </si>
  <si>
    <t>CLORPROMAZINA 25MG CLOR (LONGACTIL) - CX C/200CPR - CRISTÁLIA</t>
  </si>
  <si>
    <t>COLAGENASE COM CLORANFENICOL, 30GR - CX C/10BNGS - CRISTÁLIA</t>
  </si>
  <si>
    <t>FITOMENANDIONA (VIT. K1) 10MG/ML-01ML - CX C/50AMP - CRISTÁLIA</t>
  </si>
  <si>
    <t xml:space="preserve">FLUCONAZOL 100MG- CX C/8CAPS - CRISTÁLIA </t>
  </si>
  <si>
    <t xml:space="preserve">FOSFATO SODICO MONOB. + FOSF. DIBASICO 160+60MG -130ML -CX C/12FRC- CRISTÁLIA </t>
  </si>
  <si>
    <t>HEPARINA SÓDICA 5.000 UI/0,25ML- 0,25ML -CX C/25AMP - CRISTÁLIA</t>
  </si>
  <si>
    <t>HEPARINA SÓDICA 5.000 UI- 5ML - CX C/25FRC - CRISTÁLIA</t>
  </si>
  <si>
    <t xml:space="preserve">METADONA CLORIDRATO 10MG -CX C/20CPR - CRISTÁLIA </t>
  </si>
  <si>
    <t>METADONA, CLORIDRATO 5MG - CX C/20CPR - CRISTÁLIA</t>
  </si>
  <si>
    <t>ONDANSETRONA 8MG - CX C/10CPR - CRISTÁLIA (NAUSEDRON)</t>
  </si>
  <si>
    <t xml:space="preserve">PROMETAZINA 50MG/2ML-CX C/50AMP - CRISTÁLIA (PAMERGAN) </t>
  </si>
  <si>
    <t>TENOXICAM 20 MG/ML - 2ML - CX C/50AMP - CRISTÁLIA</t>
  </si>
  <si>
    <t xml:space="preserve">AMITRIPTILINA 75MG CLORIDRATO - CX C/200CPR - CRISTÁLIA </t>
  </si>
  <si>
    <t>BIPIRIDENO 2MG CLORIDRATO - CX C/200CPR - CRISTÁLIA (CINETOL)</t>
  </si>
  <si>
    <t>CARBAMAZEPINA 400MG -CX C/200CPR-  CRISTÁLIA (TEGRETARD)</t>
  </si>
  <si>
    <t>CLORPROMAZINA 100MG CLORIDRATO - CX C/200CPR - CRISTALIA (LONGACTIL)</t>
  </si>
  <si>
    <t>CLORPROMAZINA 40MG/ML, GTS 20ML - CX C/10FRC -CRISTÁLIA (LONGACTIL)</t>
  </si>
  <si>
    <t xml:space="preserve">CLOZAPINA 25MG- CX C/200CPR - CRISTÁLIA </t>
  </si>
  <si>
    <t xml:space="preserve">CLOZAPINA 100MG  -CX C/450CPR - CRISTALIA </t>
  </si>
  <si>
    <t>FENITOÍNA SÓDICA 100MG - CX C/200CPR - CRISTÁLIA (FENITAL)</t>
  </si>
  <si>
    <t>FENITOINA SÓDICA 50MG/ML- 5ML - CX C/10AMP - CRISTÁLIA (FENITAL)</t>
  </si>
  <si>
    <t>FENOBARBITAL 100MG - CX C/200CPR - CRISTÁLIA (FENOCRIS)</t>
  </si>
  <si>
    <t xml:space="preserve">FENOBARBITAL 40MG/ML -20ML - CX C/10FRC - CRISTÁLIA (FENOCRIS) </t>
  </si>
  <si>
    <t>HALOPERIDOL DECANOATO 70,52 MG/ML-01ML -CX C/15AMP - CRISTÁLIA</t>
  </si>
  <si>
    <t>HALOPERIDOL 1MG CLORIDRATO - CX C/200CPR - CRISTALIA</t>
  </si>
  <si>
    <t>HALOPERIDOL 5MG CLORIDRATO -CX C/200CPR - CRISTÁLIA</t>
  </si>
  <si>
    <t>IMIPRAMINA 25MG CLORIDRATO -CX C/200CPR - CRISTÁLIA</t>
  </si>
  <si>
    <t>LEVOMEPROMAZINA 40 MG/ML -20ML- CX C/10FRC-  CRISTÁLIA</t>
  </si>
  <si>
    <t>MIDAZOLAN 15MG MALEATO -CX C/20CPR- CRISTÁLIA</t>
  </si>
  <si>
    <t xml:space="preserve">LEVOMEPROMAZINA 100MG MALEATO - CX C/200CPR - CRISTÁLIA </t>
  </si>
  <si>
    <t>LEVOMEPROMAZINA 25MG MALEATO - CX C/200CPR - CRISTÁLIA</t>
  </si>
  <si>
    <t>MORFINA 10MG - CX C/50CPR - CRISTÁLIA (DIMORF)</t>
  </si>
  <si>
    <t xml:space="preserve">MORFINA 10MG/ML - 60ML- SOL.ORAL - CX C/1FRC - CRISTÁLIA  (DIMORF) </t>
  </si>
  <si>
    <t>MORFINA 10MG/ML - 01ML - SOL. INTETAVEL -CX C/50AMP - CRISTALIA (DIMORF)</t>
  </si>
  <si>
    <t>MORFINA 30MG,SULFATO -  CX C/50CPR - CRISTÁLIA (DIMORF)</t>
  </si>
  <si>
    <t>NITRAZEPAN 5MG -CX C/200CPR - CRISTÁLIA (NITRAPAN)</t>
  </si>
  <si>
    <t xml:space="preserve">RISPERIDONA 1MG- 30ML GTS -CX C/10FRC - CRISTÁLIA </t>
  </si>
  <si>
    <t xml:space="preserve">RISPERIDONA 2MG-CX C/200CPR - CRISTÁLIA </t>
  </si>
  <si>
    <t>RISPERIDONA 3MG- CX C/200CPR - CRISTÁLIA</t>
  </si>
  <si>
    <t>TRAMADOL 100MG, CLORIDRATO RETARD -CX C/10CPR - CRISTÁLIA</t>
  </si>
  <si>
    <t>TRAMADOL, CLORIDRATO 100MG/ML- 10ML - CX C/1FRC- CRISTÁLIA</t>
  </si>
  <si>
    <t xml:space="preserve">BALANÇA DIGITAL ATÉ 130KG - BIOLAND </t>
  </si>
  <si>
    <t>LAMINA FOSCA EXAME PREVENTIVO CX/ 50 UNID. -  CRAL</t>
  </si>
  <si>
    <t>RCC DISTRIBUIDORA DE MED, CORREL. E PROD. MEDICOS HOSPITALARES (BOM MED)</t>
  </si>
  <si>
    <t>LEITE FORMULA INFANTIL 1 - 400 GR -NESTOGENO 1 - NESTLE</t>
  </si>
  <si>
    <t>LEITE FÓRMULA INFANTIL 2 - 400GR - NESTOGENO 2 - NESTLE</t>
  </si>
  <si>
    <t xml:space="preserve">FILME RAIO X 24 X 30 - CX C/100PELICULAS - FUJIFILM </t>
  </si>
  <si>
    <t xml:space="preserve">FILME RX 24X30 - CX C/100 PELICULAS  -FUJIFILM </t>
  </si>
  <si>
    <t xml:space="preserve">FILME RX 13 X 18 - CX C/100PELICULAS -FUJIFILM </t>
  </si>
  <si>
    <t xml:space="preserve">FILME RX 30 X 40 - CX C/100PELICULAS  -FUJIFILM </t>
  </si>
  <si>
    <t xml:space="preserve">FILME RX 35X 43 - CX C/100 PELICULAS -FUJIFILM </t>
  </si>
  <si>
    <t xml:space="preserve">ACEBROFILINA 5MG/ML - XPE INFANTIL -CX C/50FRC - PRATI DONADUZZI </t>
  </si>
  <si>
    <t xml:space="preserve">ACICLOVIR 50MG/G CREME- 10GR -CX C/100 BNGS -PRATI DONADUZZI </t>
  </si>
  <si>
    <t xml:space="preserve">ALBENDAZOL 40 MG/ML 10ML - CX C/200FRCS -PRATI DONADUZZI </t>
  </si>
  <si>
    <t xml:space="preserve">ALBENDAZOL 400MG-CX C/100CPR  -PRATI DONADUZZI </t>
  </si>
  <si>
    <t xml:space="preserve">ALOPURINOL 100MG- CX C/600CPR  -PRATI DONADUZZI </t>
  </si>
  <si>
    <t xml:space="preserve">ALOPURINOL 300MG - CX C/500CPR -PRATI DONADUZZI </t>
  </si>
  <si>
    <t xml:space="preserve">AMOXACILINA 400MG + CLAVULANATO 57MG/ML -CX C/50FRCS - PRATI DONADUZZI </t>
  </si>
  <si>
    <t xml:space="preserve">AMOXICILINA 50MG/ML-60ML -CX C/50FRC - PRATI DONADUZZI </t>
  </si>
  <si>
    <t xml:space="preserve">AMPICILINA 500MG -CX C/840CAPS - PRATI DONADUZZI </t>
  </si>
  <si>
    <t xml:space="preserve">ATENOLOL 100MG - CX C/600CPR -PRATI DONADUZZI </t>
  </si>
  <si>
    <t xml:space="preserve">ATENOLOL 25MG- CX C/600CPR  -PRATI DONADUZZI </t>
  </si>
  <si>
    <t xml:space="preserve">ATENOLOL 50MG- CX C/600CPR -PRATI DONADUZZI </t>
  </si>
  <si>
    <t xml:space="preserve">AZITROMICINA 600MG - PÓ SUSP 15ML - CX C/50FRC -PRATI DONADUZZI </t>
  </si>
  <si>
    <t xml:space="preserve">AZITROMICINA PÓ SUSP. 900 MG -22,5ML - CX C/50FRC - PRATI DONADUZZI </t>
  </si>
  <si>
    <t xml:space="preserve">BETAISTINA, DICLORIDRATO 16MG - CX C/30CPR -PRATI DONADUZZI </t>
  </si>
  <si>
    <t xml:space="preserve">BETAISTINA, DICLORIDRATO 24MG- CX C/30CPR -PRATI DONADUZZI </t>
  </si>
  <si>
    <t xml:space="preserve">BROMOPRIDA 10MG - CX C/800CPR -PRATI DONADUZZI </t>
  </si>
  <si>
    <t xml:space="preserve">BROMOPRIDA 4MG/ML GTS 20ML - CX C/200FRC -PRATI DONADUZZI </t>
  </si>
  <si>
    <t xml:space="preserve">CAPTOPRIL 50MG-CX C/300CPR -PRATI DONADUZZI </t>
  </si>
  <si>
    <t xml:space="preserve">CARBOCISTEÍNA 20MG/ML, INFANTIL- 100ML -CX C/50FRC - PRATI DONADUZZI </t>
  </si>
  <si>
    <t xml:space="preserve">CARBOCISTEÍNA 50MG/ML, ADULTO 100ML - CX C/50FRC - PRATI DONADUZZI </t>
  </si>
  <si>
    <t xml:space="preserve">CETOCONAZOL 200MG, CX C/450CPR -PRATI DONADUZZI </t>
  </si>
  <si>
    <t xml:space="preserve">CETOTIFENO 0,2MG/ML- XPE 120ML - CX C/50FRC -PRATI DONADUZZI </t>
  </si>
  <si>
    <t xml:space="preserve">CIMETIDINA 200MG -CX C/600CPR -PRATI DONADUZZI </t>
  </si>
  <si>
    <t xml:space="preserve">CIPROFLOXACINO 500MG, CLORIDRATO- CX C/300CPR -PRATI DONADUZZI </t>
  </si>
  <si>
    <t xml:space="preserve">DEXCLORFENIRAMINA 2 MG/5ML - 100ML -CX C/50FRC -PRATI DONADUZZI </t>
  </si>
  <si>
    <t xml:space="preserve">DIMETICONA 40MG- CX C/600CPR -PRATI DONADUZZI </t>
  </si>
  <si>
    <t xml:space="preserve">ERITROMICINA 50MG/ML- 60ML -CX C/50FRC - PRATI DONADUZZI </t>
  </si>
  <si>
    <t xml:space="preserve">FENOTEROL 5MG/ML, BROMIDRATO - 20ML -GTS CX C/200FRC -PRATI DONADUZZI </t>
  </si>
  <si>
    <t xml:space="preserve">IBUPROFENO 600MG- CX C/500CPR -PRATI DONADUZZI </t>
  </si>
  <si>
    <t xml:space="preserve">LORATADINA 1MG/ML, 100ML- CX C/50FRC  -PRATI DONADUZZI </t>
  </si>
  <si>
    <t xml:space="preserve">LOSARTANA POTÁSSICA 100MG-CX C/300CPR -PRATI DONADUZZI </t>
  </si>
  <si>
    <t xml:space="preserve">METRONIDAZOL 250MG- CX C/600CPR -PRATI DONADUZZI </t>
  </si>
  <si>
    <t xml:space="preserve">METRONIDAZOL+NISTATINA - CREMEVAGINAL - 50GR - CX C/50BNGS-PRATI DONADUZZI </t>
  </si>
  <si>
    <t xml:space="preserve">MICONAZOL 20MG,NITRATO- CREME 28GR - CX C/100BNGS -PRATI DONADUZZI </t>
  </si>
  <si>
    <t xml:space="preserve">NISTATINA ORAL-30ML - CX C/200FRCS -PRATI DONADUZZI </t>
  </si>
  <si>
    <t xml:space="preserve">OMEPRAZOL 20MG - CX C/560 -PRATI DONADUZZI </t>
  </si>
  <si>
    <t xml:space="preserve">PARACETAMOL 500MG- CX C/500CPR -PRATI DONADUZZI </t>
  </si>
  <si>
    <t xml:space="preserve">PREDNISOLONA 1MG/ML-100ML -CX C/50FRC - PRATI DONADUZZI </t>
  </si>
  <si>
    <t xml:space="preserve">PREDNISOLONA 3MG/ML -60ML- CX C/50FRCS - PRATI DONADUZZI </t>
  </si>
  <si>
    <t xml:space="preserve">PROPAFENONA 300MG- CX C/300CPR -PRATI DONADUZZI </t>
  </si>
  <si>
    <t xml:space="preserve">SULFAMETOXAZOL 400MG +TRIMETOPRIMA 80MG-CX C/200CPR  -PRATI DONADUZZI </t>
  </si>
  <si>
    <t xml:space="preserve">SULFAMETOXAZOL 800MG +TRIMETOPRIMA 160MG-CX C/400CPR  -PRATI DONADUZZI </t>
  </si>
  <si>
    <t xml:space="preserve">SULFAMETOXAZOL 40MG +TRIMETOPRIMA 8MG/ML SUSP. -CX C/50FRCS -PRATI DONADUZZI </t>
  </si>
  <si>
    <t xml:space="preserve">TETRACICLINA 500MG, CX C/300CAPS -PRATI DONADUZZI </t>
  </si>
  <si>
    <t xml:space="preserve">TIAMINA 300MG-CX C/600CPR -PRATI DONADUZZI </t>
  </si>
  <si>
    <t xml:space="preserve">VERAPAMIL 80MG, CLORIDRATO - CX C/800CPR  -PRATI DONADUZZI </t>
  </si>
  <si>
    <t xml:space="preserve">CLONAZEPAM 2,5 MG/ML GOTAS 20ML -CX C/100FRCS -PRATI DONADUZZI </t>
  </si>
  <si>
    <t xml:space="preserve">GABAPENTINA 300MG-CX C/300CAPS -PRATI DONADUZZI </t>
  </si>
  <si>
    <t xml:space="preserve">GABAPENTINA 400MG-CX C/300CAPS -PRATI DONADUZZI </t>
  </si>
  <si>
    <t xml:space="preserve">METRONIDAZOL GEL CREME VAGINAL 50MG -CX C/50BNGS - PRATI DONADUZZI </t>
  </si>
  <si>
    <t xml:space="preserve">VALPROATO DE SÓDIO 250MG/5ML-SUSP.100ML -CX C/50FRC -PRATI DONADUZZI </t>
  </si>
  <si>
    <t>ANTISÉPTICO BUCAL -ORAL-B</t>
  </si>
  <si>
    <t>GLICAZIDA 30MG-CX C/60CPR -RANBAXY</t>
  </si>
  <si>
    <t>PANTOPRAZOL 40MG, CX C/28CPR -RANBAXY</t>
  </si>
  <si>
    <t xml:space="preserve">CLONAZEPAN 2MG-CX C/30CPR - RANBAXY </t>
  </si>
  <si>
    <t>LAMOTRIGINA 25MG-CX C/30CPR -UNICHEM</t>
  </si>
  <si>
    <t>LAMOTRIGINA 50MG-CX C/30CPR -UNICHEM</t>
  </si>
  <si>
    <t>NORTRIPTILINA 25MG CLORIDRATO-CX C/30CAPS -RANBAXY</t>
  </si>
  <si>
    <t>NORTRIPTILINA 50MG, CLORIDRATO -CX C/30CAPS -RANBAXY</t>
  </si>
  <si>
    <t>OXCARBAMAZEPINA 300MG- CX C/60CPR -RANBAXY</t>
  </si>
  <si>
    <t>OXCARBAMAZEPINA 600 MG- CX C/60CPR -RANBAXY</t>
  </si>
  <si>
    <t>HIDROCLOROTIAZIDA 12,5MG +TELMISARTANA 40MG - BOEHRINGER</t>
  </si>
  <si>
    <t>ATORVASTATINA CÁLCICA 80MG -  CX C/30CPR - GERMED</t>
  </si>
  <si>
    <t>BROMEXINA XAROPE ADULTO 8MG -120ML- GEOLAB</t>
  </si>
  <si>
    <t>CITALOPRAM 40MG - CX C/28CPR - LIBBS</t>
  </si>
  <si>
    <t>CLOXAZOLAM 4MG - CX C/30CPR - NOVARTIS</t>
  </si>
  <si>
    <t>BRONFENIRAMINA + FENILEFRINA 12/15 MG-  CX C/100CPR - DESCONGEX PL - ACHE</t>
  </si>
  <si>
    <t>CAPTOPRIL 12,5 MG  - CX C/30CPR - GERMED</t>
  </si>
  <si>
    <t xml:space="preserve">COMPLEXO B- GTS 30ML - ARTE NATIVA </t>
  </si>
  <si>
    <t>DEFLAZACORTE 7,5MG -  CX C/20CPR - E.M.S</t>
  </si>
  <si>
    <t>DICLOFENACO COLESTIRAMINA 70MG -  CX C/20CPR - GERMED</t>
  </si>
  <si>
    <t>PARACETAMOL BEBE 100MG-GTS 15ML - BRASTERAPICA</t>
  </si>
  <si>
    <t>ZOLPIDEM, HEMITARTARATO 10MG - CX C/20CPR - E.M.S</t>
  </si>
  <si>
    <t>PAROXETINA 10MG - EUROFARMA</t>
  </si>
  <si>
    <t>IBUPROFENO 50MG/ML GTS 30ML - - CX C/100FRC - NATULAB</t>
  </si>
  <si>
    <t xml:space="preserve">SERINGA DE VIDRO -ARTIGLASS </t>
  </si>
  <si>
    <t>CIRURGICA LAJEADENSE ME</t>
  </si>
  <si>
    <t>C. LAJEADENSE</t>
  </si>
  <si>
    <t xml:space="preserve">AGUA PARA INJEÇÃO 250ML -EQUIPLEX </t>
  </si>
  <si>
    <t>LUVA PROCEDIMENTO LATEX PP- DPK BRASIL</t>
  </si>
  <si>
    <t>GLICOSAMINA 1,5MG - SULFATO - SACHE - E.M.S</t>
  </si>
  <si>
    <t>HIDROCLOROTIAZIDA 12,5MG+ENALAPRIL 20MG - C/30CPR -  BIOLAB</t>
  </si>
  <si>
    <t>SULFADIAZINA DE PRATA 1%+NITR.SERIO- 400 GR- CX C/24PTS - SILVESTRE</t>
  </si>
  <si>
    <t>RISPERIDONA 1 MG - CX C/200CPR - CRISTÁLIA</t>
  </si>
  <si>
    <t>COLAGENASE 0,6UI 30GR - CX C/10BNGS  - CRISTÁLIA</t>
  </si>
  <si>
    <t>PREDNISONA 5MG - CRISTALIA</t>
  </si>
  <si>
    <t>APARELHO PRESSÃO NÃO DIGITAL - BIOLAND</t>
  </si>
  <si>
    <t>FILME DE RAIO X - 30X30 HOSPITALAR - PREVTECH</t>
  </si>
  <si>
    <t>GEL PARA ULTRASSOM 1LITRO - CARBOGEL</t>
  </si>
  <si>
    <t>SERINGA DESCARTÁVEL 5ML - BD</t>
  </si>
  <si>
    <t>DESINFETANTE DE ARTIGOS - SUPERFICIES- BASE AMONIO</t>
  </si>
  <si>
    <t>ALGODÃO ROLO 500G - MELHOR MED</t>
  </si>
  <si>
    <t>ESCOVA CERVICAL GINECOLÓGICA - C/ 100 - CRAL</t>
  </si>
  <si>
    <t>AMOXACILINA 500MG - PRATI</t>
  </si>
  <si>
    <t>AZITROMICINA 500MG - PRATI</t>
  </si>
  <si>
    <t xml:space="preserve">CEFALEXINA 500MG - ABL </t>
  </si>
  <si>
    <t>PREDNISONA 20MG - CRISTALIA</t>
  </si>
  <si>
    <t>EQUIPO MACRO GOTAS - ADLIN</t>
  </si>
  <si>
    <t>GAZE 7,5 X 7,5 C/ 500 -MELHORMED</t>
  </si>
  <si>
    <t>GAZE TIPO QUEIJO - 13FIOS</t>
  </si>
  <si>
    <t>HIDROCLOROTIAZIDA 25MG + RAMIPRIL 5MG -CX C/30CPR - LIBBS</t>
  </si>
  <si>
    <t>HIDROCLOROTIAZIDA 12,5MG + LOSARTANA 50MG - CX C/30CPR - E.M.S</t>
  </si>
  <si>
    <t>NEOVITE POLIVITAMINICO LUTEIN - CX C/60CPR - BAUSCH &amp; LOMB</t>
  </si>
  <si>
    <t>PERICIASINA 10MG - CX C/20CPR  -SANOFI</t>
  </si>
  <si>
    <t>SINVASTATINA 20MG +EZETIMIBA 10MG - CX C/30CPR - E.M.S</t>
  </si>
  <si>
    <t xml:space="preserve">AMILSSUPRIDA 200 MG-CP SOCIAN -SANOFI </t>
  </si>
  <si>
    <t>LACTULOSE 667 MG/ML - NUTRIEX</t>
  </si>
  <si>
    <t>METIMAZOL 10MG - TAPAZOL</t>
  </si>
  <si>
    <t>MONTELUCOSTE SÓDICO 10MG-  CX C/30CPR  -UNIAIR</t>
  </si>
  <si>
    <t>MONTELUCOSTE SÓDICO 5MG-  CX C/30CPR  -UNIAIR</t>
  </si>
  <si>
    <t>RANITIDINA 50MG- CX C/100AMP -FARMACE</t>
  </si>
  <si>
    <t>XILOCAÍNA 20MG/G- 30GR GEL  CX C/100BNGS  -PHARLAB</t>
  </si>
  <si>
    <t xml:space="preserve">HIDROCLOROTIAZIDA 12,5MG + IRBESARTANA 300MG - BART H </t>
  </si>
  <si>
    <t>FIO DENTAL 500MTS - MEDFIO</t>
  </si>
  <si>
    <t>ACIDOS GRAXOS ESSENCIAIS 200 ML - NUTRIEX</t>
  </si>
  <si>
    <t>AMOXACILINA 500MG+CLAVULANATO 125MG-C/21CPR -SANDOZ</t>
  </si>
  <si>
    <t>ESCOVA PARA BROCA -IODONTOSUL</t>
  </si>
  <si>
    <t>TIRA DE AÇO 2MM -DIAMANTEC</t>
  </si>
  <si>
    <t xml:space="preserve">METILCELULOSE OFTÁLMICA 10ML - FIMCEL </t>
  </si>
  <si>
    <t>EPITEZAM POMADA (RETINOL+AMINOACIDOS+METIONINA) POM 3,5GR -REGENCEL</t>
  </si>
  <si>
    <t xml:space="preserve">OPTIVE COLIRIO (CARMELOSE + GLICERINA +ETC - COLIRIO) 10ML </t>
  </si>
  <si>
    <t>SERINGA DESC. 10ML - COM DISP. DE SEGURANÇA -BD</t>
  </si>
  <si>
    <t xml:space="preserve">HIDROCLOROTIAZIDA 25MG-CX C/60 OU 500CPR -MEDQUIMICA </t>
  </si>
  <si>
    <t xml:space="preserve">CURATIVO COM HIDROCOLOIDES -(CURATEC) </t>
  </si>
  <si>
    <t>BUDESONIDA 400MG +FORMOTEROL 12MCG -CX C/60CPR - BIOSINTÉTICA</t>
  </si>
  <si>
    <t>LEVOTIROXINA SÓDICA 175MG - CX C/30CPR - ACHÉ</t>
  </si>
  <si>
    <t>LEVODODA 200MG +BENZERAZIDA 50MG- CX C/30CPR - ACHÉ</t>
  </si>
  <si>
    <t>OLEO DE GIRASSOL- 100ML - MOPH</t>
  </si>
  <si>
    <t>PROTETOR SOLAR FDP 50 - 120ML - BLOCK SUN</t>
  </si>
  <si>
    <t>PROTETOR SOLAR FDP 30 - 120ML - BLOCK SUN</t>
  </si>
  <si>
    <t>BENZILPENICILINA 600.000UI COM AMPOLA DILUÍDA -TEUTO</t>
  </si>
  <si>
    <t>DIPIRONA + PROMETAZINA+ ADIFENINA - INJ - 2ML - HYPERMARCAS</t>
  </si>
  <si>
    <t xml:space="preserve">NORESTISTERONA 50MG+ ESTRADIOL 5 MG -  BIOLAB </t>
  </si>
  <si>
    <t>FIO SUTURA NYLON 3.0 - TECNOFHIO</t>
  </si>
  <si>
    <t>HIDROCLOROTIAZIDA 12,5MG + OLMESARTANA 20MG- CX 30 CPR DAIICHI</t>
  </si>
  <si>
    <t>FLUTICASONA250MCG +SALMETEROL 50MCG -SERETIDE DISKUS- 60DOSES- CX C/1UNI-GLAXO</t>
  </si>
  <si>
    <t>CURATIVO COM HIDROGEL- (COMP. DE HIDRCOLÓIDES E ALG. DE CÁLCIO) -CX C/1BNG-CASEX</t>
  </si>
  <si>
    <t>IONOMERO DE VIDRO FOTO VEL RIVA LIGHT CURE -SDI (PÓ/LIQUIDO)</t>
  </si>
  <si>
    <t>RAMIPRIL 10MG -NAPRIX - 30CPR - LIBBS</t>
  </si>
  <si>
    <t>ANLODIPINO 5+VALSARTANA 160MG -DIOVAN AMLO FIX - 28 CPR - NOVARTIS</t>
  </si>
  <si>
    <t>ANLODIPINO 5+RAMIPRIL 10MG -NAPRIX A - 30CAPS - LIBBS</t>
  </si>
  <si>
    <t>ANLODIPINO 5+VALSARTANA 320MG -DIOVAN AMLO FIX - 28 CPR - NOVARTIS</t>
  </si>
  <si>
    <t>FORMOTEROL 12MCG + BUDESONIDA 200MCG - 60CAPS C/INALADOR - NOVARTIS</t>
  </si>
  <si>
    <t>CERUMIM 8ML - (HIDROCLOROQUINA + TROLAMINA) - ALCON</t>
  </si>
  <si>
    <t>HIDROCLOROTIAZIDA 12,5MG +RAMIPRIL 5MG -NAPRIX D - 30CPR - LIBBS</t>
  </si>
  <si>
    <t>CARBAMAZEPINA CR 200MG - CX C/60CPR - NOVARTIS</t>
  </si>
  <si>
    <t>BICARBONATO DE SÓDIO PÓ- AIRON</t>
  </si>
  <si>
    <t>SERINGA DESC. 20ML - C/ DISPOSITIVO DE SEGURANÇA - SR</t>
  </si>
  <si>
    <t>CRIPROFLOXACINO SOL OFTALMICA - 5ML - GERMED</t>
  </si>
  <si>
    <t>HIDRÓXIDO DE ALUMÍNIO SUSPENSÃO</t>
  </si>
  <si>
    <t>SERINGA DE ROSCA C/ AGULHA 20ML - CX C/250 UNI - SR</t>
  </si>
  <si>
    <t>AGUA DESTILADA 10ML -CX C/200AMP - EQUIPLEX</t>
  </si>
  <si>
    <t>AGUA PARA INJEÇÃO DE 10ML- CX C/200AMP - EQUIPLEX</t>
  </si>
  <si>
    <t xml:space="preserve">LUVA CIRURGICA 6,5 PAR - CX C/200PARES - DESCARPACK </t>
  </si>
  <si>
    <t>SORO GLICOFISIOLÓGICO 500ML - SIST. FECHADO - CX C/24UNI - EQUIPLEX</t>
  </si>
  <si>
    <t>BOLSA COLETORA URINA SIST. ABERTO - PCT C/100 UNI -  MEDSONDA</t>
  </si>
  <si>
    <t>MICROPORE 1,2CM X 10M - CX C/72UNI - CIEX</t>
  </si>
  <si>
    <t xml:space="preserve">MICROPORE 2,5 MM X 10 M  -CX C/48UNI - CIEX </t>
  </si>
  <si>
    <t>PROPÉ DESCARTÁVEL - PCT C/100 PARES- DESCARPACK</t>
  </si>
  <si>
    <t>SERINGA DESC. 3ML - SEM AGULHA - C/ DISPOSITIVO DE SEGURANÇA - CX C/250UNI - SR</t>
  </si>
  <si>
    <t xml:space="preserve">SONDA N° 18 - PCT C/10 UNI - MEDSONDA </t>
  </si>
  <si>
    <t>SORO FISIOLOGICO 0,9% 100ML - SIST. FECHADO - CX C/70FRC - EQUIPLEX</t>
  </si>
  <si>
    <t>SORO FISIOLÓGICO 0,9% 250ML - SIST. FECHADO - CX C/40FRC - EQUIPLEX</t>
  </si>
  <si>
    <t>SORO FISIOLÓGICO 0,9% 500ML - SIST. FECHADO - CX C/24FRC-  EQUIPLEX</t>
  </si>
  <si>
    <t>SORO GLICOSE 5% 100ML - SIST. FECHADO - CX C/70FRC - EQUIPLEX</t>
  </si>
  <si>
    <t>SORO GLICOSE 5% 250ML - SIST. FECHADO - CX C/40FRC- EQUIPLEX</t>
  </si>
  <si>
    <t>SORO GLICOSE 5% 500ML - SIST. FECHADO - CX C/24FRC - EQUIPLEX</t>
  </si>
  <si>
    <t>SORO RINGUER LACTATO 500ML - SIST. FECHADO -CX C/24FRC - EQUIPLEX</t>
  </si>
  <si>
    <t>B.BROMETO DE ECOPOLAMINA + DIPIRONA - CX C250CPR - PHARLAB</t>
  </si>
  <si>
    <t>ESPIRONOLACTONA 50MG - CX C/500CPR - HIPOLABOR</t>
  </si>
  <si>
    <t>ISOSSORBIDA 5MG, SUBLINGUAL - CX C/500CPR - SANVAL</t>
  </si>
  <si>
    <t>DIMENTRATO + PIRIDOXINA + GLICOSE + FRUTOSE - DL IV INJ - 10ML- NYCOMED</t>
  </si>
  <si>
    <t xml:space="preserve">ALGINATO PREZA RÁPIDO 300G -SABOR TUTI FRUTI - CX C/1 - JELTRATE PLUS </t>
  </si>
  <si>
    <t>ANESTÉSICO TOPICO GEL COM BENZOCAINA 20% - 12GR - MENTA - CX C/1 - BENZOTOP</t>
  </si>
  <si>
    <t xml:space="preserve">ANESTESICO ARTICAÍNA 4% COM EPINEFRINA  - CX C/50 TB- CX C/50TBS  - ARTICAINE DFL </t>
  </si>
  <si>
    <t xml:space="preserve">ANESTESICO MEPIVACAÍNA 2% C/ VASOCONSTRITOR - CX C/50 TBS- MEPIVALEN AD </t>
  </si>
  <si>
    <t>BROCA AÇO BR 2- CX C/1 - MAILLEFER</t>
  </si>
  <si>
    <t>BROCA AÇO N 03 - CX C/1  MAILLEFER</t>
  </si>
  <si>
    <t>BROCA CARBIDE JET 702 - CX C/1 - KAVO</t>
  </si>
  <si>
    <t>BROCA CIRURGICA ALTA ROTAÇÃO 701 HL - CX C/1 - KAVO</t>
  </si>
  <si>
    <t>BROCA CIRURGICA ZEKRIA 151 28MM LONGA - CX C/1 - ANGELUS</t>
  </si>
  <si>
    <t>BROCAS DE BAIXA ROTAÇÃO N°2 - MAILLEFER - CX C/1 -DENTSPLY</t>
  </si>
  <si>
    <t>BROCAS DE BAIXA ROTAÇÃO N°4 - MAILLEFER- CX C/1  - DENTSPLY</t>
  </si>
  <si>
    <t>BROCAS DE BAIXA ROTAÇÃO N°6 - MAILLEFER - CX C/1 -DENTSPLY</t>
  </si>
  <si>
    <t>BROCAS DE BAIXA ROTAÇÃO N°8 - MAILLEFER - CX C/1 - DENTPLY</t>
  </si>
  <si>
    <t>CURATIVO ALVEOLAR 20 GR- CX C/1  - ALVEOLISUL</t>
  </si>
  <si>
    <t>CURETAS DE DENTINA (ODONTO) - CX C/1 - GOLGRAN</t>
  </si>
  <si>
    <t>DISCO POP ON - CX C/50 - TVD</t>
  </si>
  <si>
    <t>ESCAVADOR DENTINA 16- CX C/1  - GOLGRAN</t>
  </si>
  <si>
    <t>LUBRIFICANTE P/ CANETA ALTA E BAIXA ROTAÇÃO 100ML- CX C/1  -MAQUIRA</t>
  </si>
  <si>
    <t>OBTURADOR PROVISORIO - NORMAL 25G - REFIL - OBTUR- CX C/1  - MAQUIRA</t>
  </si>
  <si>
    <t xml:space="preserve">OCULOS DE PROTEÇÃO INCOLOR  - CX C/1 - SS PLUS </t>
  </si>
  <si>
    <t>OLEO LUBRIFICANTE SPRAY P/ ALTA E BAIXA ROTAÇÃO 100ML- CX C/1 - MAQUIRA</t>
  </si>
  <si>
    <t xml:space="preserve">PINÇA KRUSCH - CX C/1 - GOLGRAN </t>
  </si>
  <si>
    <t>PLACA DE VIDRO PARA MANIPULAÇÃO 10MM POLIDA- CX C/1  - DMS</t>
  </si>
  <si>
    <t>RESINA COR DENTINA A1- CX C/1  - LLIS</t>
  </si>
  <si>
    <t>RESINA COR DENTINA A3 - CX C/1 - LLIS</t>
  </si>
  <si>
    <t>RESINA FOTOPOLIMERIZAVEL MICROHIBRIDA - COR A1 ESMALTE 4G- CX C/1  - LLIS - FGM</t>
  </si>
  <si>
    <t>RESINA FOTOPOLIMERIZAVEL MICROHIBRIDA - COR B1 ESMALTE 4G - CX C/1 - LLIS -FGM</t>
  </si>
  <si>
    <t>SERINGA CARPULE INOX SEM REFLUXO - CX C/1 -GOLGRAN</t>
  </si>
  <si>
    <t>SOLUÇÃO DE MILTON 1% (HIPOCL. DE SÓDIO) 1.000ML - CLORO RIO -CX C/1 - RIOQUIMICA</t>
  </si>
  <si>
    <t>TRIMETAZIDINA, DICLORIDRATO 35MG - CX C/30CPR - SERVIER</t>
  </si>
  <si>
    <t>ABAIXADOR DE LINGUA - PCT C/ 100 -TALGE</t>
  </si>
  <si>
    <t>BENZOATO DE BENZILA LOÇÃO -CX C/168 -  IFAL</t>
  </si>
  <si>
    <t>BOBINA GRAU CIRURGICO 10 X 100 MM- CX C/12 -  HARBO</t>
  </si>
  <si>
    <t>CARVEDILOL 12,5 MG- CX C/30 -TORRENT</t>
  </si>
  <si>
    <t>CARVEDILOL 3,125MG - CX C/30 -TORRENT</t>
  </si>
  <si>
    <t>CARVEDILOL 6,25MG - CX C/30 -TORRENT</t>
  </si>
  <si>
    <t>CARVEDILOL 25MG - CX C/30 -TORRENT</t>
  </si>
  <si>
    <t>CITALOPRAM 20MG- CX C/28 -  TORRENT</t>
  </si>
  <si>
    <t>VITAMINA B XPE-100ML -- CX C/50FRC-  MEDQUIMICA</t>
  </si>
  <si>
    <t>DELTAMETRINA LOÇÃO 20MG/ML - CX C/40FRC - BELFAR</t>
  </si>
  <si>
    <t>DELTAMETRINA SHAMPOO 100ML- CX C/35FRC -  MEDQUIMICA</t>
  </si>
  <si>
    <t>FILME DE RAIO X ODONTOLÓGICO  - AGFA</t>
  </si>
  <si>
    <t>DIMINIDRATO 25MG + PIRODOXINA 05 MG -GTS - CX C/50FRC -  VITAPAN-VITAMEDIC</t>
  </si>
  <si>
    <t>DOBUTAMINA 25MG/ML- 20ML - INJ. - CX C/10 AMP - HYPOFARMA</t>
  </si>
  <si>
    <t>DONEPEZILA 10 MG- CX C/30CPR  - TORRENT</t>
  </si>
  <si>
    <t>FENOBARBITAL 200MG/1ML - INJ. - CX C/5AMP - UNIAO QUIMICA</t>
  </si>
  <si>
    <t>MICROPORE 0,5CM X 10M - CX C/96 - MISSNER</t>
  </si>
  <si>
    <t>FRASCO P/ ALIM. NASOG. 500ML - CX C/60UNI - BIOBASE</t>
  </si>
  <si>
    <t>DESINFETANTE GERME RIO ROSA - 5 LITROS - CX C/12FRC - CINORD SUDESTE</t>
  </si>
  <si>
    <t>COTONETES (HASTES FLEXIVEIS)- CX C/75UNI -  HIGIE TOPP</t>
  </si>
  <si>
    <t>HEDERA HELIX L.15MG/ML XP- CX C/50FRC -  NATULAB</t>
  </si>
  <si>
    <t>ITRACONAZOL 100MG  - CX C/15CPR - NEOQUIMICA-BRAINFARMA</t>
  </si>
  <si>
    <t>LANSOPRAZOL 30MG - CX C/28CPR-  PRATI DONADUZZI</t>
  </si>
  <si>
    <t>ANESTESICO LIDOCAÍNA 3% C/ VASO  - CX C/ 50 CARPULE -  DLA-DENTSPLY</t>
  </si>
  <si>
    <t>LOSARTANA POTASSICA 25 MG - CX C/30CPR -TORRENT</t>
  </si>
  <si>
    <t>MALHA TUBULAR 25M X 5 CM ROLO- CX C/40UNI - POLAR FIX</t>
  </si>
  <si>
    <t>MALHA TUBULAR 25M X 10CM ROLO - CX C/16UNI- POLAR FIX</t>
  </si>
  <si>
    <t>METOCLOPRAMIDA 4MG/ML-GTS - CX C/96FRC- MARIOL</t>
  </si>
  <si>
    <t>MICONAZOL CREME VAGINAL 2,5%+ APLICADOR - CX C/60BNG-  NEOQUIMICA-BRAINFARMA</t>
  </si>
  <si>
    <t>MIRTAZAPINA 30MG - CX C/30CPR - TORRENT</t>
  </si>
  <si>
    <t>MIRTAZAPINA 45MG - CX C/30CPR - TORRENT</t>
  </si>
  <si>
    <t>NAPROXENO 250 MG - CX C/24CPR -UNIÃO QUIMICA</t>
  </si>
  <si>
    <t>NEBIVOLOL, CLORIDRATO 5MG - CX C/30CPR - TORRENT</t>
  </si>
  <si>
    <t>NITROFURAZONA POMADA 2MG - CX C/72BNG - NEOQUIMICA-BRAINFARMA</t>
  </si>
  <si>
    <t>PASTA D'AGUA 120GR - CX C/24BNG - FARMAX-AMARAL</t>
  </si>
  <si>
    <t>PERMANGANATO DE POTÁSSIO 100MG - CX C/500CPR- FARMAX-AMARAL</t>
  </si>
  <si>
    <t>PIROXICAN 20MG - CX C/450CPR-GEOLAB</t>
  </si>
  <si>
    <t>PORTA AGULHA MAYO HEGAR 14CM - CX C/1UNI - WELDON</t>
  </si>
  <si>
    <t>PREDNISOLONA 20MG - CX C/20CPR - NEOQUIMICA-BRAINFARMA</t>
  </si>
  <si>
    <t>PROMETAZINA CREME 20MG/GR 30GR - CX C/176- BELFAR</t>
  </si>
  <si>
    <t>PVPI DEGERMANTE 100ML (ALMOTOLIA) - CX C/30FRC -  RIOQUIMICA</t>
  </si>
  <si>
    <t>RANITIDINA 15MG/ML - SUSP - 120ML - CX C/70FRC - NATIVITA</t>
  </si>
  <si>
    <t>SACO DE LIXO 15LTS 19X58 - CX C/100 (BRANCO) - RAVA</t>
  </si>
  <si>
    <t>SALBUTAMOL 2MG - CX C/50CPR - GSK</t>
  </si>
  <si>
    <t>SONDA PARA NUTRIÇÃO N°8 - C/ GRAD. LUBRIFICADA - CX C/20UNI</t>
  </si>
  <si>
    <t>TUBO ENDOTRAQUEAL N° 4,5 - CX C/10UNI - LAMEDID-SOLIDOR-PROCARE</t>
  </si>
  <si>
    <t>TUBO ENDOTRAQUEAL N° 4 - CX C/10UNI - LAMEDID-SOLIDOR-PROCARE</t>
  </si>
  <si>
    <t xml:space="preserve">SORO FISIOLÓGICO 100ML SISTEMA ABERTO - CX C/144FRC - FARMAX-AMARAL </t>
  </si>
  <si>
    <t>SULFASSALAZINA 500MG - AZULFIN - CX C/500CPR - SOBRAL</t>
  </si>
  <si>
    <t>SULFATO DE MAGNÉSIO 50% INJ - CX C/200AMP -  ISOFARMA</t>
  </si>
  <si>
    <t>TESOURA IRIS RETA 12 - CX C/1UNI -WELDON</t>
  </si>
  <si>
    <t>TICLODIPINA 250MG, CLORIDRATO - CX C/30CPR -  E.M.S</t>
  </si>
  <si>
    <t>ACIDO VALPROICO TORVAL CR 300 MG - CX C/30CPR-  TORRENT</t>
  </si>
  <si>
    <t>VENLAFAXINA 37,5MG CLORIDRATO - CX C/30CPR - TORRENT</t>
  </si>
  <si>
    <t>VENLAFAXINA OD 150MG CLORIDRATO- CX C/30CPR - TORRENT</t>
  </si>
  <si>
    <t>VENLAFAXINA OD 75MG CLORIDRATO- CX C/30CPR -  TORRENT</t>
  </si>
  <si>
    <t>VITAMINA E TOCOFEROL 400MG- CX C/30CPR -  NATULAB</t>
  </si>
  <si>
    <t>BENZILPROCAÍNA POTÁSSICA 300.000 UI C/ ÁGUA - CX C/100AMP - BLAU</t>
  </si>
  <si>
    <t>BETAMETASONA 3MG+FOSF. BETA 3MG  - CX C/25AMP- CRISTALIA</t>
  </si>
  <si>
    <t>BETATRINTA 2/5MG/ML  (BETA5+FOSF.BETA2) - CX C/24AMP- CRISTALIA</t>
  </si>
  <si>
    <t>CARBONATO DE CALCIO 600 MG + VIT.D 200 UI - CX C/500CPR - VITAMED</t>
  </si>
  <si>
    <t>CARBONATO DE CÁLCIO 500MG ELEMENTAR- EQUIV. A 1250MG - CX C/500 CPR - VITAMED</t>
  </si>
  <si>
    <t>CLOPIDROGREL BISSULFATO 75 MG- CX C/30CPR  - MELCON</t>
  </si>
  <si>
    <t xml:space="preserve">DIPIRONA 500MG- CX C/500CPR  - GREEN PHARMA </t>
  </si>
  <si>
    <t>DOMPERIDONA 10MG- CX C/60CPR - MEDLEY</t>
  </si>
  <si>
    <t>DOXICICLINA 100MG - CX C/600CPR- PHARLAB</t>
  </si>
  <si>
    <t xml:space="preserve">HIDROCORTISONA 100 MG - 4ML- INJ - CX C/50AMP - NOVA FARMA </t>
  </si>
  <si>
    <t xml:space="preserve">HIDROCORTIZONA, ACETATO 10MG/G CREME- CX C/90BNG - UNIÃO QUIMICA </t>
  </si>
  <si>
    <t>HIDRÓXIDO DE ALUMÍNIO 300MG/5ML- 100ML - CX C/140FRC - IFAL</t>
  </si>
  <si>
    <t>IBUPROFENO 300MG - CX C/600CPR - MULTILAB</t>
  </si>
  <si>
    <t>IBUPROFENO 50MG/ML GTS 20 ML- CX C/100FRC - NATULAB</t>
  </si>
  <si>
    <t>PERMETRINA LOÇÃO 1% 60ML- CX C/50FRC - IFAL</t>
  </si>
  <si>
    <t>PERMETRINA 5%  LOÇÃO CREMOSA- CX C/50FRC  -IFAL</t>
  </si>
  <si>
    <t>PERMETRINA SHAMPOO, 60 ML - CX C/50FRC -IFAL</t>
  </si>
  <si>
    <t>POLIVITAMINICO+SAIS MINERAIS - CX C/100CPR-  VITAMED</t>
  </si>
  <si>
    <t>SAIS REIDRATANTES 27,9 SACHÊ NATURAL - CX C/100 SCH- IFAL</t>
  </si>
  <si>
    <t>SAIS REIDRATANTES 27,9 SACHÊS C/ SABOR- CX C/100SCH - IFAL</t>
  </si>
  <si>
    <t>CARBIDOPA50MG+LEVODOPA250MG- CX C/200CPR - CRISTALIA</t>
  </si>
  <si>
    <t xml:space="preserve">HALOPERIDOL 2MG/ML, CLORIDRATO GTS 20ML- CX C/90FRC  -UNIÃO QUIMICA </t>
  </si>
  <si>
    <t xml:space="preserve">PREGABALINA 150 MG- CX C/30CPR -MED QUIMICA </t>
  </si>
  <si>
    <t xml:space="preserve">TIORIDAZINA 100MG, CLORIDRATO - CX C/20CPR -UNIÃO QUIMICA </t>
  </si>
  <si>
    <t xml:space="preserve">TIORIDAZINA 50MG, CLORIDRATO - CX C/20CPR - UNIÃO QUIMICA </t>
  </si>
  <si>
    <t>SALBUTAMOL 2MG/5ML XPE- 100ML - CX C/60FRC - SOBRAL</t>
  </si>
  <si>
    <t>SECNIDAZOL 1 GR - CX C/500CPR - PHARLAB</t>
  </si>
  <si>
    <t>DIMETICONA75MG- GTS 10ML - CX C/200FRC- NATULAB</t>
  </si>
  <si>
    <t>SULFATO FERROSO 40MG - CX C/500CPR - VITAMED</t>
  </si>
  <si>
    <t>COMPLEXO B 2ML- INJ - CX C/100AMP - HYPOFARMA</t>
  </si>
  <si>
    <t>XAROPE GUACO- 100 ML- CX C/48FRC - TAUENS</t>
  </si>
  <si>
    <t>BROMAZEPAN 6MG - CX C/30CPR - BRAINFARMA</t>
  </si>
  <si>
    <t xml:space="preserve">IPATRÓPIO, BROMETO 0,25MG/ML - GTS - CX C/200FRC- PRATI DONADUZZI </t>
  </si>
  <si>
    <t xml:space="preserve">NEOMICINA+ BACITRACINA 5MG/250UI CREME- 10GR - CX C/50BNG- GREEN PHARMA </t>
  </si>
  <si>
    <t>NIMESULIDA 50MG/ML GTS- CX C/50FRC - VITAMEDIC</t>
  </si>
  <si>
    <t xml:space="preserve">NORIPURUM GTS - 30ML - CX C/100FRC - ARTE NATIVA </t>
  </si>
  <si>
    <t>OMEPRAZOL 40MG - CX C/28CPR - BRAINFARMA</t>
  </si>
  <si>
    <t>OMEPRAZOL 40MG/ML - 10ML-  CX C/25AMP - CRISTALIA</t>
  </si>
  <si>
    <t>ONDANSETRONA 4MG- CX C/10CPR - ATIVUS</t>
  </si>
  <si>
    <t>ONDANSETRONA 8MG/ML- 4ML - CX C/10AMP- HYPOFARMA</t>
  </si>
  <si>
    <t>PARACETAMOL 750MG - CX C/200CPR - ZYDUS</t>
  </si>
  <si>
    <t>COMPLEXO B - CX C/500CPR - VITAMED</t>
  </si>
  <si>
    <t>DICLOFENACO RESINATO, 15MG/ML - 20ML - CX C/50FRC - VITAMEDIC</t>
  </si>
  <si>
    <t>DICLOFENACO SÓDICO 25MG/ML - CX C/100AMP - FARMACE</t>
  </si>
  <si>
    <t>DIOSMINA450MG+HESPERIDINA 50MG- CX C/60CPR - BRAINFARMA</t>
  </si>
  <si>
    <t>DIPIRIRONA + ADIFENINA 10+ PROMETAZINA 5MG - CX C/200CPR - MABRA</t>
  </si>
  <si>
    <t>LIDOCAÍNA 2% GEL SEM VASO CONSTRITOR - CX C/50AMP - BRAINFARMA</t>
  </si>
  <si>
    <t>ACEBROFILINA 50MG/5ML XPE ADULTO 120ML- CX C/25FRC- ELOFAR</t>
  </si>
  <si>
    <t>ACIDO FOLICO 5MG/ML - 30ML- CX C/40FRC - ATIVUS</t>
  </si>
  <si>
    <t xml:space="preserve">ALENDRONATO DE SÓDIO 10MG  - CX C/30CPR - UCI FARMA </t>
  </si>
  <si>
    <t>ANESTESICO LIDOCAINA C/ VASO- CX C/50TUBTS -CRISTALIA</t>
  </si>
  <si>
    <t xml:space="preserve">ANESTESICO NOVOCOL C/ 50 TUBTS -SSWHITE </t>
  </si>
  <si>
    <t>ESPONJA HEMOSTTÁTICA DE COLÁGENO - CX C/10UNI -TECHNEW</t>
  </si>
  <si>
    <t>LEITE APTAMIL PEPTI - 400GR- CX C/12LTS - DANONE</t>
  </si>
  <si>
    <t>LEITE APTAMIL PEPTI 400G- CX C/12LTS  -DANONE</t>
  </si>
  <si>
    <t>LEITE FÓRMULA INF. AR -APTAMIL AR - 400GR - CX C/12LTS  - DANONE</t>
  </si>
  <si>
    <t>LEITE NEOCAT 400GR- NEOCATE LCP- CX C/4LTS -SUPPORT</t>
  </si>
  <si>
    <t>LEITE NESTOGENO PLUS-LT -MILUPA 1 - 400GR -  CX C/12LTS - DANONE</t>
  </si>
  <si>
    <t>LEITE NESLAC CONFORT 800 GR -MILNUTRI  - CX C/12LTS - DANONE</t>
  </si>
  <si>
    <t>SUPLEMENTO ALIMENTAR - SUSTAGEM KIDS - 350GR- CX C/12LTS  - DANONE</t>
  </si>
  <si>
    <t>ESPATULA DE TITÂNIO N° 1 - PRISMA</t>
  </si>
  <si>
    <t>FLUDROXICORTIDA 0,125MG - 30GR</t>
  </si>
  <si>
    <t>NORESTISTERONA 50MG + VALERATO DE ESTRADIOL 5MG - CX C/1AMP</t>
  </si>
  <si>
    <t xml:space="preserve">FITA REATIVA P/ HGT ON CALL PLUS-  CX C/50 - C/ APARELHOS COMODAT -ON CALL PLUS </t>
  </si>
  <si>
    <t>FITA REATIVA HGT</t>
  </si>
  <si>
    <t xml:space="preserve">DIAZEPAM 10MG/ML - 2ML </t>
  </si>
  <si>
    <t>HIDROCLOROTIAZIDA 25MG+TELMISARTANA80MG-CP -BOEHRINGER</t>
  </si>
  <si>
    <t>CETOROLACO 20MG/ML, TROMETAMOL - 10ML- GTS - SIGMA</t>
  </si>
  <si>
    <t>FLORATIL 200MG -  CX C/4SCHS - FLORENT - CIFARMA</t>
  </si>
  <si>
    <t>OXIDO DE ZINCO + ASSOCIAÇÕES - 45GR- CX C/1BNG- CIMED</t>
  </si>
  <si>
    <t>BROCA CARB FGXL N°4 - KAVO</t>
  </si>
  <si>
    <t>ESCAVADOR DENTINA N°5 -TRINKS</t>
  </si>
  <si>
    <t>RESINA  B2 3M  - MODELO: Z100</t>
  </si>
  <si>
    <t>RESINA  B3 3M  MODELO: Z100</t>
  </si>
  <si>
    <t>AGULHA DESCARTAVEL 40 X 12 - CX C/100UNI</t>
  </si>
  <si>
    <t>ALISQUERENO HEMIFUMARATO 300MG</t>
  </si>
  <si>
    <t>MESALAZINA 400MG -MESACOL - 30CPR - TAKEDA PHARMA</t>
  </si>
  <si>
    <t>OTOSPORIN GTS 10ML (HIDROCORT. + POLIMIXINA B + S. NEOMICINA) FARMOQUIM</t>
  </si>
  <si>
    <t>RELESTAT 0,05% COLIRIO - 5ML</t>
  </si>
  <si>
    <t>METFORMINA 1G XR- AÇÃO PROLONGADA  - CX C/30CPR - MERCK</t>
  </si>
  <si>
    <t>HIDROCORTISONA 500MG/ML- CX C/50AMP -TEUTO</t>
  </si>
  <si>
    <t xml:space="preserve">CURATIVO C/ ALGINATO DE CALCIO -(CURATEC ALG.CÁLCIO E SÓDIO)-C/10UNI - LM FARMA </t>
  </si>
  <si>
    <t>GLICOSAMINA+CONDROITINA 1500+1200MG -C/30SCHS- ARTROLIVE -BIOSINTÉTICA</t>
  </si>
  <si>
    <t>FRALDA GERIATRICA EXTRA G -DESCARPACK C/ 7</t>
  </si>
  <si>
    <t>FRALDA GERIATRICA G -DESCARPACK C/ 8</t>
  </si>
  <si>
    <t>FRALDA GERIÁTRICA P -DESCARPACK C/ 10</t>
  </si>
  <si>
    <t>FRALDA INFANTIL EXTRA G -KARICIA C/7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3">
    <numFmt numFmtId="41" formatCode="_-* #,##0_-;\-* #,##0_-;_-* &quot;-&quot;_-;_-@_-"/>
    <numFmt numFmtId="43" formatCode="_-* #,##0.00_-;\-* #,##0.00_-;_-* &quot;-&quot;??_-;_-@_-"/>
    <numFmt numFmtId="164" formatCode="_-* #,##0.0000_-;\-* #,##0.0000_-;_-* &quot;-&quot;??_-;_-@_-"/>
  </numFmts>
  <fonts count="19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9"/>
      <color theme="1"/>
      <name val="Times New Roman"/>
      <family val="1"/>
    </font>
    <font>
      <b/>
      <sz val="10"/>
      <color theme="1"/>
      <name val="Times New Roman"/>
      <family val="1"/>
    </font>
    <font>
      <b/>
      <sz val="9"/>
      <color theme="1"/>
      <name val="Times New Roman"/>
      <family val="1"/>
    </font>
    <font>
      <sz val="7"/>
      <color theme="1"/>
      <name val="Times New Roman"/>
      <family val="1"/>
    </font>
    <font>
      <b/>
      <sz val="7"/>
      <color theme="1"/>
      <name val="Times New Roman"/>
      <family val="1"/>
    </font>
    <font>
      <b/>
      <sz val="20"/>
      <color theme="1"/>
      <name val="Times New Roman"/>
      <family val="1"/>
    </font>
    <font>
      <sz val="20"/>
      <color theme="1"/>
      <name val="Times New Roman"/>
      <family val="1"/>
    </font>
    <font>
      <b/>
      <i/>
      <sz val="16"/>
      <color theme="1"/>
      <name val="Times New Roman"/>
      <family val="1"/>
    </font>
    <font>
      <b/>
      <i/>
      <sz val="9"/>
      <color theme="1"/>
      <name val="Times New Roman"/>
      <family val="1"/>
    </font>
    <font>
      <b/>
      <sz val="11"/>
      <color theme="1"/>
      <name val="Calibri"/>
      <family val="2"/>
      <scheme val="minor"/>
    </font>
    <font>
      <sz val="11"/>
      <name val="Calibri"/>
      <family val="2"/>
      <scheme val="minor"/>
    </font>
    <font>
      <sz val="9"/>
      <name val="Times New Roman"/>
      <family val="1"/>
    </font>
    <font>
      <sz val="11"/>
      <name val="Times New Roman"/>
      <family val="1"/>
    </font>
    <font>
      <b/>
      <sz val="11"/>
      <name val="Times New Roman"/>
      <family val="1"/>
    </font>
    <font>
      <sz val="8"/>
      <name val="Times New Roman"/>
      <family val="1"/>
    </font>
    <font>
      <b/>
      <sz val="9"/>
      <name val="Times New Roman"/>
      <family val="1"/>
    </font>
    <font>
      <sz val="7"/>
      <name val="Times New Roman"/>
      <family val="1"/>
    </font>
  </fonts>
  <fills count="6">
    <fill>
      <patternFill patternType="none"/>
    </fill>
    <fill>
      <patternFill patternType="gray125"/>
    </fill>
    <fill>
      <patternFill patternType="solid">
        <fgColor rgb="FFFFFFFF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4" tint="0.79998168889431442"/>
        <bgColor indexed="64"/>
      </patternFill>
    </fill>
    <fill>
      <patternFill patternType="solid">
        <fgColor theme="0"/>
        <bgColor indexed="64"/>
      </patternFill>
    </fill>
  </fills>
  <borders count="1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2">
    <xf numFmtId="0" fontId="0" fillId="0" borderId="0"/>
    <xf numFmtId="43" fontId="1" fillId="0" borderId="0" applyFont="0" applyFill="0" applyBorder="0" applyAlignment="0" applyProtection="0"/>
  </cellStyleXfs>
  <cellXfs count="75">
    <xf numFmtId="0" fontId="0" fillId="0" borderId="0" xfId="0"/>
    <xf numFmtId="0" fontId="0" fillId="0" borderId="0" xfId="0"/>
    <xf numFmtId="164" fontId="0" fillId="0" borderId="0" xfId="0" applyNumberFormat="1"/>
    <xf numFmtId="43" fontId="6" fillId="3" borderId="4" xfId="0" applyNumberFormat="1" applyFont="1" applyFill="1" applyBorder="1" applyAlignment="1" applyProtection="1">
      <alignment horizontal="center"/>
    </xf>
    <xf numFmtId="41" fontId="4" fillId="3" borderId="4" xfId="0" applyNumberFormat="1" applyFont="1" applyFill="1" applyBorder="1" applyAlignment="1" applyProtection="1">
      <alignment horizontal="center"/>
    </xf>
    <xf numFmtId="164" fontId="4" fillId="3" borderId="5" xfId="1" applyNumberFormat="1" applyFont="1" applyFill="1" applyBorder="1" applyAlignment="1" applyProtection="1">
      <alignment horizontal="center"/>
    </xf>
    <xf numFmtId="43" fontId="4" fillId="3" borderId="0" xfId="0" applyNumberFormat="1" applyFont="1" applyFill="1" applyBorder="1" applyAlignment="1" applyProtection="1">
      <alignment horizontal="center"/>
    </xf>
    <xf numFmtId="41" fontId="4" fillId="3" borderId="0" xfId="0" applyNumberFormat="1" applyFont="1" applyFill="1" applyBorder="1" applyAlignment="1" applyProtection="1">
      <alignment horizontal="center"/>
    </xf>
    <xf numFmtId="164" fontId="4" fillId="3" borderId="7" xfId="1" applyNumberFormat="1" applyFont="1" applyFill="1" applyBorder="1" applyAlignment="1" applyProtection="1">
      <alignment horizontal="center"/>
    </xf>
    <xf numFmtId="43" fontId="5" fillId="3" borderId="9" xfId="0" applyNumberFormat="1" applyFont="1" applyFill="1" applyBorder="1" applyAlignment="1" applyProtection="1">
      <alignment horizontal="center"/>
    </xf>
    <xf numFmtId="43" fontId="6" fillId="3" borderId="9" xfId="0" applyNumberFormat="1" applyFont="1" applyFill="1" applyBorder="1" applyAlignment="1" applyProtection="1">
      <alignment horizontal="center"/>
    </xf>
    <xf numFmtId="41" fontId="4" fillId="3" borderId="9" xfId="0" applyNumberFormat="1" applyFont="1" applyFill="1" applyBorder="1" applyAlignment="1" applyProtection="1">
      <alignment horizontal="center"/>
    </xf>
    <xf numFmtId="164" fontId="4" fillId="3" borderId="10" xfId="1" applyNumberFormat="1" applyFont="1" applyFill="1" applyBorder="1" applyAlignment="1" applyProtection="1">
      <alignment horizontal="center"/>
    </xf>
    <xf numFmtId="0" fontId="5" fillId="4" borderId="0" xfId="0" applyFont="1" applyFill="1" applyBorder="1" applyAlignment="1" applyProtection="1">
      <alignment horizontal="center"/>
    </xf>
    <xf numFmtId="0" fontId="5" fillId="4" borderId="0" xfId="0" applyFont="1" applyFill="1" applyBorder="1" applyAlignment="1" applyProtection="1">
      <alignment horizontal="right"/>
    </xf>
    <xf numFmtId="41" fontId="2" fillId="4" borderId="0" xfId="0" applyNumberFormat="1" applyFont="1" applyFill="1" applyBorder="1" applyAlignment="1" applyProtection="1">
      <alignment horizontal="right"/>
    </xf>
    <xf numFmtId="164" fontId="2" fillId="4" borderId="0" xfId="1" applyNumberFormat="1" applyFont="1" applyFill="1" applyBorder="1" applyAlignment="1" applyProtection="1">
      <alignment horizontal="right"/>
    </xf>
    <xf numFmtId="164" fontId="2" fillId="4" borderId="7" xfId="1" applyNumberFormat="1" applyFont="1" applyFill="1" applyBorder="1" applyAlignment="1" applyProtection="1">
      <alignment horizontal="right"/>
    </xf>
    <xf numFmtId="43" fontId="3" fillId="4" borderId="0" xfId="0" applyNumberFormat="1" applyFont="1" applyFill="1" applyBorder="1" applyAlignment="1" applyProtection="1">
      <alignment horizontal="center"/>
    </xf>
    <xf numFmtId="43" fontId="6" fillId="4" borderId="0" xfId="0" applyNumberFormat="1" applyFont="1" applyFill="1" applyBorder="1" applyAlignment="1" applyProtection="1">
      <alignment horizontal="right"/>
    </xf>
    <xf numFmtId="41" fontId="4" fillId="4" borderId="0" xfId="0" applyNumberFormat="1" applyFont="1" applyFill="1" applyBorder="1" applyAlignment="1" applyProtection="1">
      <alignment horizontal="right"/>
    </xf>
    <xf numFmtId="164" fontId="4" fillId="4" borderId="0" xfId="1" applyNumberFormat="1" applyFont="1" applyFill="1" applyBorder="1" applyAlignment="1" applyProtection="1">
      <alignment horizontal="right"/>
    </xf>
    <xf numFmtId="164" fontId="4" fillId="4" borderId="7" xfId="1" applyNumberFormat="1" applyFont="1" applyFill="1" applyBorder="1" applyAlignment="1" applyProtection="1">
      <alignment horizontal="right"/>
    </xf>
    <xf numFmtId="0" fontId="12" fillId="0" borderId="0" xfId="0" applyFont="1"/>
    <xf numFmtId="0" fontId="13" fillId="2" borderId="1" xfId="0" applyFont="1" applyFill="1" applyBorder="1" applyAlignment="1">
      <alignment horizontal="left" vertical="center" wrapText="1"/>
    </xf>
    <xf numFmtId="0" fontId="14" fillId="0" borderId="2" xfId="0" applyFont="1" applyBorder="1" applyProtection="1">
      <protection locked="0"/>
    </xf>
    <xf numFmtId="164" fontId="14" fillId="0" borderId="2" xfId="0" applyNumberFormat="1" applyFont="1" applyBorder="1"/>
    <xf numFmtId="0" fontId="14" fillId="0" borderId="1" xfId="0" applyFont="1" applyBorder="1" applyProtection="1">
      <protection locked="0"/>
    </xf>
    <xf numFmtId="0" fontId="14" fillId="0" borderId="1" xfId="0" applyFont="1" applyBorder="1"/>
    <xf numFmtId="43" fontId="14" fillId="0" borderId="1" xfId="0" applyNumberFormat="1" applyFont="1" applyBorder="1"/>
    <xf numFmtId="0" fontId="14" fillId="0" borderId="1" xfId="0" applyFont="1" applyFill="1" applyBorder="1" applyProtection="1">
      <protection locked="0"/>
    </xf>
    <xf numFmtId="0" fontId="14" fillId="5" borderId="1" xfId="0" applyFont="1" applyFill="1" applyBorder="1" applyProtection="1">
      <protection locked="0"/>
    </xf>
    <xf numFmtId="43" fontId="14" fillId="5" borderId="1" xfId="0" applyNumberFormat="1" applyFont="1" applyFill="1" applyBorder="1"/>
    <xf numFmtId="43" fontId="15" fillId="0" borderId="1" xfId="0" applyNumberFormat="1" applyFont="1" applyBorder="1"/>
    <xf numFmtId="0" fontId="14" fillId="0" borderId="1" xfId="0" applyFont="1" applyBorder="1" applyAlignment="1" applyProtection="1">
      <alignment horizontal="center"/>
      <protection locked="0"/>
    </xf>
    <xf numFmtId="43" fontId="14" fillId="0" borderId="1" xfId="0" applyNumberFormat="1" applyFont="1" applyBorder="1" applyAlignment="1">
      <alignment horizontal="left"/>
    </xf>
    <xf numFmtId="0" fontId="13" fillId="0" borderId="1" xfId="0" applyFont="1" applyBorder="1"/>
    <xf numFmtId="0" fontId="16" fillId="0" borderId="2" xfId="0" applyFont="1" applyBorder="1"/>
    <xf numFmtId="0" fontId="16" fillId="0" borderId="1" xfId="0" applyFont="1" applyBorder="1" applyAlignment="1">
      <alignment horizontal="center"/>
    </xf>
    <xf numFmtId="0" fontId="16" fillId="5" borderId="1" xfId="0" applyFont="1" applyFill="1" applyBorder="1" applyAlignment="1">
      <alignment horizontal="center"/>
    </xf>
    <xf numFmtId="164" fontId="4" fillId="3" borderId="4" xfId="1" applyNumberFormat="1" applyFont="1" applyFill="1" applyBorder="1" applyAlignment="1" applyProtection="1">
      <alignment horizontal="right"/>
    </xf>
    <xf numFmtId="164" fontId="4" fillId="3" borderId="0" xfId="1" applyNumberFormat="1" applyFont="1" applyFill="1" applyBorder="1" applyAlignment="1" applyProtection="1">
      <alignment horizontal="right"/>
    </xf>
    <xf numFmtId="164" fontId="4" fillId="3" borderId="9" xfId="1" applyNumberFormat="1" applyFont="1" applyFill="1" applyBorder="1" applyAlignment="1" applyProtection="1">
      <alignment horizontal="right"/>
    </xf>
    <xf numFmtId="0" fontId="14" fillId="0" borderId="2" xfId="0" applyFont="1" applyBorder="1" applyAlignment="1">
      <alignment horizontal="right"/>
    </xf>
    <xf numFmtId="0" fontId="14" fillId="0" borderId="1" xfId="0" applyFont="1" applyBorder="1" applyAlignment="1">
      <alignment horizontal="right"/>
    </xf>
    <xf numFmtId="0" fontId="14" fillId="5" borderId="1" xfId="0" applyFont="1" applyFill="1" applyBorder="1" applyAlignment="1">
      <alignment horizontal="right"/>
    </xf>
    <xf numFmtId="0" fontId="11" fillId="0" borderId="0" xfId="0" applyFont="1" applyAlignment="1">
      <alignment horizontal="right"/>
    </xf>
    <xf numFmtId="0" fontId="0" fillId="0" borderId="0" xfId="0" applyAlignment="1">
      <alignment horizontal="right"/>
    </xf>
    <xf numFmtId="0" fontId="2" fillId="4" borderId="6" xfId="0" applyFont="1" applyFill="1" applyBorder="1" applyProtection="1"/>
    <xf numFmtId="43" fontId="4" fillId="4" borderId="6" xfId="0" applyNumberFormat="1" applyFont="1" applyFill="1" applyBorder="1" applyAlignment="1" applyProtection="1">
      <alignment horizontal="center"/>
    </xf>
    <xf numFmtId="43" fontId="4" fillId="3" borderId="3" xfId="0" applyNumberFormat="1" applyFont="1" applyFill="1" applyBorder="1" applyAlignment="1" applyProtection="1">
      <alignment horizontal="center"/>
    </xf>
    <xf numFmtId="43" fontId="4" fillId="3" borderId="6" xfId="0" applyNumberFormat="1" applyFont="1" applyFill="1" applyBorder="1" applyAlignment="1" applyProtection="1">
      <alignment horizontal="center"/>
    </xf>
    <xf numFmtId="0" fontId="17" fillId="0" borderId="2" xfId="0" applyFont="1" applyBorder="1" applyAlignment="1">
      <alignment horizontal="center"/>
    </xf>
    <xf numFmtId="0" fontId="17" fillId="0" borderId="1" xfId="0" applyFont="1" applyBorder="1" applyAlignment="1">
      <alignment horizontal="center"/>
    </xf>
    <xf numFmtId="0" fontId="13" fillId="0" borderId="1" xfId="0" applyFont="1" applyBorder="1" applyAlignment="1">
      <alignment horizontal="left"/>
    </xf>
    <xf numFmtId="0" fontId="13" fillId="0" borderId="1" xfId="0" applyFont="1" applyFill="1" applyBorder="1"/>
    <xf numFmtId="0" fontId="13" fillId="5" borderId="1" xfId="0" applyFont="1" applyFill="1" applyBorder="1"/>
    <xf numFmtId="0" fontId="13" fillId="5" borderId="1" xfId="0" applyFont="1" applyFill="1" applyBorder="1" applyAlignment="1">
      <alignment horizontal="left" vertical="center" wrapText="1"/>
    </xf>
    <xf numFmtId="0" fontId="17" fillId="2" borderId="1" xfId="0" applyFont="1" applyFill="1" applyBorder="1" applyAlignment="1">
      <alignment horizontal="center" vertical="center" wrapText="1"/>
    </xf>
    <xf numFmtId="0" fontId="2" fillId="0" borderId="0" xfId="0" applyFont="1"/>
    <xf numFmtId="0" fontId="18" fillId="0" borderId="2" xfId="0" applyFont="1" applyBorder="1"/>
    <xf numFmtId="0" fontId="18" fillId="0" borderId="1" xfId="0" applyFont="1" applyBorder="1" applyAlignment="1">
      <alignment horizontal="center"/>
    </xf>
    <xf numFmtId="0" fontId="18" fillId="5" borderId="1" xfId="0" applyFont="1" applyFill="1" applyBorder="1" applyAlignment="1">
      <alignment horizontal="center"/>
    </xf>
    <xf numFmtId="14" fontId="4" fillId="3" borderId="8" xfId="0" applyNumberFormat="1" applyFont="1" applyFill="1" applyBorder="1" applyAlignment="1" applyProtection="1">
      <alignment horizontal="center"/>
    </xf>
    <xf numFmtId="0" fontId="2" fillId="2" borderId="1" xfId="0" applyFont="1" applyFill="1" applyBorder="1" applyAlignment="1">
      <alignment horizontal="left" vertical="center" wrapText="1"/>
    </xf>
    <xf numFmtId="0" fontId="2" fillId="0" borderId="1" xfId="0" applyFont="1" applyBorder="1"/>
    <xf numFmtId="43" fontId="7" fillId="4" borderId="3" xfId="0" applyNumberFormat="1" applyFont="1" applyFill="1" applyBorder="1" applyAlignment="1" applyProtection="1">
      <alignment horizontal="center"/>
    </xf>
    <xf numFmtId="43" fontId="7" fillId="4" borderId="4" xfId="0" applyNumberFormat="1" applyFont="1" applyFill="1" applyBorder="1" applyAlignment="1" applyProtection="1">
      <alignment horizontal="center"/>
    </xf>
    <xf numFmtId="43" fontId="7" fillId="4" borderId="5" xfId="0" applyNumberFormat="1" applyFont="1" applyFill="1" applyBorder="1" applyAlignment="1" applyProtection="1">
      <alignment horizontal="center"/>
    </xf>
    <xf numFmtId="43" fontId="9" fillId="4" borderId="6" xfId="0" applyNumberFormat="1" applyFont="1" applyFill="1" applyBorder="1" applyAlignment="1" applyProtection="1">
      <alignment horizontal="center"/>
    </xf>
    <xf numFmtId="43" fontId="10" fillId="4" borderId="0" xfId="0" applyNumberFormat="1" applyFont="1" applyFill="1" applyBorder="1" applyAlignment="1" applyProtection="1">
      <alignment horizontal="center"/>
    </xf>
    <xf numFmtId="43" fontId="10" fillId="4" borderId="7" xfId="0" applyNumberFormat="1" applyFont="1" applyFill="1" applyBorder="1" applyAlignment="1" applyProtection="1">
      <alignment horizontal="center"/>
    </xf>
    <xf numFmtId="43" fontId="4" fillId="4" borderId="6" xfId="0" applyNumberFormat="1" applyFont="1" applyFill="1" applyBorder="1" applyAlignment="1" applyProtection="1">
      <alignment horizontal="left"/>
    </xf>
    <xf numFmtId="43" fontId="4" fillId="4" borderId="0" xfId="0" applyNumberFormat="1" applyFont="1" applyFill="1" applyBorder="1" applyAlignment="1" applyProtection="1">
      <alignment horizontal="left"/>
    </xf>
    <xf numFmtId="43" fontId="4" fillId="4" borderId="7" xfId="0" applyNumberFormat="1" applyFont="1" applyFill="1" applyBorder="1" applyAlignment="1" applyProtection="1">
      <alignment horizontal="left"/>
    </xf>
  </cellXfs>
  <cellStyles count="2">
    <cellStyle name="Normal" xfId="0" builtinId="0"/>
    <cellStyle name="Vírgula" xfId="1" builtinId="3"/>
  </cellStyles>
  <dxfs count="0"/>
  <tableStyles count="0" defaultTableStyle="TableStyleMedium2" defaultPivotStyle="PivotStyleLight16"/>
  <colors>
    <mruColors>
      <color rgb="FFCCECFF"/>
      <color rgb="FF99C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7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1428"/>
  <sheetViews>
    <sheetView tabSelected="1" topLeftCell="A1402" workbookViewId="0">
      <selection activeCell="D599" sqref="D599"/>
    </sheetView>
  </sheetViews>
  <sheetFormatPr defaultRowHeight="15" x14ac:dyDescent="0.25"/>
  <cols>
    <col min="1" max="1" width="78.28515625" style="59" customWidth="1"/>
    <col min="2" max="2" width="13.140625" style="1" customWidth="1"/>
    <col min="3" max="3" width="5.28515625" style="1" bestFit="1" customWidth="1"/>
    <col min="4" max="4" width="12.140625" customWidth="1"/>
    <col min="5" max="5" width="11.140625" style="47" customWidth="1"/>
    <col min="6" max="6" width="14.42578125" style="2" customWidth="1"/>
  </cols>
  <sheetData>
    <row r="1" spans="1:6" ht="26.25" x14ac:dyDescent="0.4">
      <c r="A1" s="66" t="s">
        <v>13</v>
      </c>
      <c r="B1" s="67"/>
      <c r="C1" s="67"/>
      <c r="D1" s="67"/>
      <c r="E1" s="67"/>
      <c r="F1" s="68"/>
    </row>
    <row r="2" spans="1:6" x14ac:dyDescent="0.25">
      <c r="A2" s="48"/>
      <c r="B2" s="13"/>
      <c r="C2" s="14"/>
      <c r="D2" s="15"/>
      <c r="E2" s="16"/>
      <c r="F2" s="17"/>
    </row>
    <row r="3" spans="1:6" ht="20.25" x14ac:dyDescent="0.3">
      <c r="A3" s="69" t="s">
        <v>12</v>
      </c>
      <c r="B3" s="70"/>
      <c r="C3" s="70"/>
      <c r="D3" s="70"/>
      <c r="E3" s="70"/>
      <c r="F3" s="71"/>
    </row>
    <row r="4" spans="1:6" x14ac:dyDescent="0.25">
      <c r="A4" s="49"/>
      <c r="B4" s="18" t="s">
        <v>11</v>
      </c>
      <c r="C4" s="19"/>
      <c r="D4" s="20"/>
      <c r="E4" s="21"/>
      <c r="F4" s="22"/>
    </row>
    <row r="5" spans="1:6" ht="15.75" thickBot="1" x14ac:dyDescent="0.3">
      <c r="A5" s="72" t="s">
        <v>0</v>
      </c>
      <c r="B5" s="73"/>
      <c r="C5" s="73"/>
      <c r="D5" s="73"/>
      <c r="E5" s="73"/>
      <c r="F5" s="74"/>
    </row>
    <row r="6" spans="1:6" x14ac:dyDescent="0.25">
      <c r="A6" s="50"/>
      <c r="B6" s="3"/>
      <c r="C6" s="3"/>
      <c r="D6" s="4" t="s">
        <v>1</v>
      </c>
      <c r="E6" s="40" t="s">
        <v>2</v>
      </c>
      <c r="F6" s="5"/>
    </row>
    <row r="7" spans="1:6" x14ac:dyDescent="0.25">
      <c r="A7" s="51" t="s">
        <v>3</v>
      </c>
      <c r="B7" s="6" t="s">
        <v>4</v>
      </c>
      <c r="C7" s="6" t="s">
        <v>5</v>
      </c>
      <c r="D7" s="7" t="s">
        <v>6</v>
      </c>
      <c r="E7" s="41" t="s">
        <v>7</v>
      </c>
      <c r="F7" s="8" t="s">
        <v>8</v>
      </c>
    </row>
    <row r="8" spans="1:6" ht="15.75" thickBot="1" x14ac:dyDescent="0.3">
      <c r="A8" s="63">
        <v>42990</v>
      </c>
      <c r="B8" s="9"/>
      <c r="C8" s="10"/>
      <c r="D8" s="11" t="s">
        <v>9</v>
      </c>
      <c r="E8" s="42" t="s">
        <v>10</v>
      </c>
      <c r="F8" s="12"/>
    </row>
    <row r="9" spans="1:6" x14ac:dyDescent="0.25">
      <c r="A9" s="52" t="s">
        <v>14</v>
      </c>
      <c r="B9" s="60"/>
      <c r="C9" s="37"/>
      <c r="D9" s="25"/>
      <c r="E9" s="43"/>
      <c r="F9" s="26"/>
    </row>
    <row r="10" spans="1:6" x14ac:dyDescent="0.25">
      <c r="A10" s="24" t="s">
        <v>120</v>
      </c>
      <c r="B10" s="61" t="s">
        <v>15</v>
      </c>
      <c r="C10" s="38" t="s">
        <v>16</v>
      </c>
      <c r="D10" s="27"/>
      <c r="E10" s="44">
        <v>4.88</v>
      </c>
      <c r="F10" s="29">
        <f>SUM(D10*E10)</f>
        <v>0</v>
      </c>
    </row>
    <row r="11" spans="1:6" x14ac:dyDescent="0.25">
      <c r="A11" s="36" t="s">
        <v>121</v>
      </c>
      <c r="B11" s="61" t="s">
        <v>15</v>
      </c>
      <c r="C11" s="38" t="s">
        <v>17</v>
      </c>
      <c r="D11" s="27"/>
      <c r="E11" s="44">
        <v>2.6198999999999999</v>
      </c>
      <c r="F11" s="29">
        <f>SUM(D11*E11)</f>
        <v>0</v>
      </c>
    </row>
    <row r="12" spans="1:6" x14ac:dyDescent="0.25">
      <c r="A12" s="24" t="s">
        <v>122</v>
      </c>
      <c r="B12" s="61" t="s">
        <v>15</v>
      </c>
      <c r="C12" s="38" t="s">
        <v>17</v>
      </c>
      <c r="D12" s="27"/>
      <c r="E12" s="44">
        <v>1.3965000000000001</v>
      </c>
      <c r="F12" s="29">
        <f>SUM(D12*E12)</f>
        <v>0</v>
      </c>
    </row>
    <row r="13" spans="1:6" s="1" customFormat="1" x14ac:dyDescent="0.25">
      <c r="A13" s="57" t="s">
        <v>161</v>
      </c>
      <c r="B13" s="61" t="s">
        <v>15</v>
      </c>
      <c r="C13" s="38" t="s">
        <v>18</v>
      </c>
      <c r="D13" s="27"/>
      <c r="E13" s="44">
        <v>12</v>
      </c>
      <c r="F13" s="29">
        <f>SUM(D13*E13)</f>
        <v>0</v>
      </c>
    </row>
    <row r="14" spans="1:6" x14ac:dyDescent="0.25">
      <c r="A14" s="24" t="s">
        <v>123</v>
      </c>
      <c r="B14" s="61" t="s">
        <v>15</v>
      </c>
      <c r="C14" s="38" t="s">
        <v>16</v>
      </c>
      <c r="D14" s="27"/>
      <c r="E14" s="44">
        <v>5.34</v>
      </c>
      <c r="F14" s="29">
        <f t="shared" ref="F14:F49" si="0">SUM(D14*E14)</f>
        <v>0</v>
      </c>
    </row>
    <row r="15" spans="1:6" x14ac:dyDescent="0.25">
      <c r="A15" s="36" t="s">
        <v>124</v>
      </c>
      <c r="B15" s="61" t="s">
        <v>15</v>
      </c>
      <c r="C15" s="38" t="s">
        <v>17</v>
      </c>
      <c r="D15" s="27"/>
      <c r="E15" s="44">
        <v>0.25</v>
      </c>
      <c r="F15" s="29">
        <f t="shared" si="0"/>
        <v>0</v>
      </c>
    </row>
    <row r="16" spans="1:6" x14ac:dyDescent="0.25">
      <c r="A16" s="57" t="s">
        <v>148</v>
      </c>
      <c r="B16" s="61" t="s">
        <v>15</v>
      </c>
      <c r="C16" s="38" t="s">
        <v>17</v>
      </c>
      <c r="D16" s="27"/>
      <c r="E16" s="44">
        <v>2.96</v>
      </c>
      <c r="F16" s="29">
        <f t="shared" si="0"/>
        <v>0</v>
      </c>
    </row>
    <row r="17" spans="1:6" x14ac:dyDescent="0.25">
      <c r="A17" s="36" t="s">
        <v>125</v>
      </c>
      <c r="B17" s="61" t="s">
        <v>15</v>
      </c>
      <c r="C17" s="38" t="s">
        <v>17</v>
      </c>
      <c r="D17" s="27"/>
      <c r="E17" s="44">
        <v>2.008</v>
      </c>
      <c r="F17" s="29">
        <f t="shared" si="0"/>
        <v>0</v>
      </c>
    </row>
    <row r="18" spans="1:6" x14ac:dyDescent="0.25">
      <c r="A18" s="24" t="s">
        <v>126</v>
      </c>
      <c r="B18" s="61" t="s">
        <v>15</v>
      </c>
      <c r="C18" s="38" t="s">
        <v>17</v>
      </c>
      <c r="D18" s="27"/>
      <c r="E18" s="44">
        <v>3.32</v>
      </c>
      <c r="F18" s="29">
        <f t="shared" si="0"/>
        <v>0</v>
      </c>
    </row>
    <row r="19" spans="1:6" x14ac:dyDescent="0.25">
      <c r="A19" s="24" t="s">
        <v>127</v>
      </c>
      <c r="B19" s="61" t="s">
        <v>15</v>
      </c>
      <c r="C19" s="38" t="s">
        <v>17</v>
      </c>
      <c r="D19" s="27"/>
      <c r="E19" s="44">
        <v>0.111</v>
      </c>
      <c r="F19" s="29">
        <f t="shared" si="0"/>
        <v>0</v>
      </c>
    </row>
    <row r="20" spans="1:6" x14ac:dyDescent="0.25">
      <c r="A20" s="36" t="s">
        <v>149</v>
      </c>
      <c r="B20" s="61" t="s">
        <v>15</v>
      </c>
      <c r="C20" s="38" t="s">
        <v>17</v>
      </c>
      <c r="D20" s="27"/>
      <c r="E20" s="44">
        <v>0.59899999999999998</v>
      </c>
      <c r="F20" s="29">
        <f t="shared" si="0"/>
        <v>0</v>
      </c>
    </row>
    <row r="21" spans="1:6" x14ac:dyDescent="0.25">
      <c r="A21" s="36" t="s">
        <v>128</v>
      </c>
      <c r="B21" s="61" t="s">
        <v>15</v>
      </c>
      <c r="C21" s="38" t="s">
        <v>16</v>
      </c>
      <c r="D21" s="27"/>
      <c r="E21" s="44">
        <v>1.37</v>
      </c>
      <c r="F21" s="29">
        <f t="shared" si="0"/>
        <v>0</v>
      </c>
    </row>
    <row r="22" spans="1:6" x14ac:dyDescent="0.25">
      <c r="A22" s="24" t="s">
        <v>150</v>
      </c>
      <c r="B22" s="61" t="s">
        <v>15</v>
      </c>
      <c r="C22" s="38" t="s">
        <v>17</v>
      </c>
      <c r="D22" s="27"/>
      <c r="E22" s="44">
        <v>3.37</v>
      </c>
      <c r="F22" s="29">
        <f t="shared" si="0"/>
        <v>0</v>
      </c>
    </row>
    <row r="23" spans="1:6" x14ac:dyDescent="0.25">
      <c r="A23" s="36" t="s">
        <v>129</v>
      </c>
      <c r="B23" s="61" t="s">
        <v>15</v>
      </c>
      <c r="C23" s="38" t="s">
        <v>18</v>
      </c>
      <c r="D23" s="27"/>
      <c r="E23" s="44">
        <v>7.2</v>
      </c>
      <c r="F23" s="29">
        <f t="shared" si="0"/>
        <v>0</v>
      </c>
    </row>
    <row r="24" spans="1:6" x14ac:dyDescent="0.25">
      <c r="A24" s="36" t="s">
        <v>130</v>
      </c>
      <c r="B24" s="61" t="s">
        <v>15</v>
      </c>
      <c r="C24" s="38" t="s">
        <v>16</v>
      </c>
      <c r="D24" s="30"/>
      <c r="E24" s="44">
        <v>3.99</v>
      </c>
      <c r="F24" s="29">
        <f t="shared" si="0"/>
        <v>0</v>
      </c>
    </row>
    <row r="25" spans="1:6" x14ac:dyDescent="0.25">
      <c r="A25" s="36" t="s">
        <v>131</v>
      </c>
      <c r="B25" s="61" t="s">
        <v>15</v>
      </c>
      <c r="C25" s="38" t="s">
        <v>17</v>
      </c>
      <c r="D25" s="30"/>
      <c r="E25" s="44">
        <v>2.85</v>
      </c>
      <c r="F25" s="29">
        <f t="shared" si="0"/>
        <v>0</v>
      </c>
    </row>
    <row r="26" spans="1:6" x14ac:dyDescent="0.25">
      <c r="A26" s="36" t="s">
        <v>1280</v>
      </c>
      <c r="B26" s="61" t="s">
        <v>15</v>
      </c>
      <c r="C26" s="38" t="s">
        <v>16</v>
      </c>
      <c r="D26" s="30"/>
      <c r="E26" s="44">
        <v>2.79</v>
      </c>
      <c r="F26" s="29">
        <f t="shared" si="0"/>
        <v>0</v>
      </c>
    </row>
    <row r="27" spans="1:6" x14ac:dyDescent="0.25">
      <c r="A27" s="24" t="s">
        <v>151</v>
      </c>
      <c r="B27" s="61" t="s">
        <v>15</v>
      </c>
      <c r="C27" s="38" t="s">
        <v>17</v>
      </c>
      <c r="D27" s="27"/>
      <c r="E27" s="44">
        <v>2.4900000000000002</v>
      </c>
      <c r="F27" s="29">
        <f t="shared" si="0"/>
        <v>0</v>
      </c>
    </row>
    <row r="28" spans="1:6" x14ac:dyDescent="0.25">
      <c r="A28" s="36" t="s">
        <v>132</v>
      </c>
      <c r="B28" s="61" t="s">
        <v>15</v>
      </c>
      <c r="C28" s="38" t="s">
        <v>17</v>
      </c>
      <c r="D28" s="27"/>
      <c r="E28" s="44">
        <v>2.1192000000000002</v>
      </c>
      <c r="F28" s="29">
        <f t="shared" si="0"/>
        <v>0</v>
      </c>
    </row>
    <row r="29" spans="1:6" x14ac:dyDescent="0.25">
      <c r="A29" s="36" t="s">
        <v>152</v>
      </c>
      <c r="B29" s="61" t="s">
        <v>15</v>
      </c>
      <c r="C29" s="38" t="s">
        <v>17</v>
      </c>
      <c r="D29" s="27"/>
      <c r="E29" s="44">
        <v>5.57</v>
      </c>
      <c r="F29" s="29">
        <f t="shared" si="0"/>
        <v>0</v>
      </c>
    </row>
    <row r="30" spans="1:6" x14ac:dyDescent="0.25">
      <c r="A30" s="36" t="s">
        <v>153</v>
      </c>
      <c r="B30" s="61" t="s">
        <v>15</v>
      </c>
      <c r="C30" s="38" t="s">
        <v>17</v>
      </c>
      <c r="D30" s="27"/>
      <c r="E30" s="44">
        <v>0.67</v>
      </c>
      <c r="F30" s="29">
        <f t="shared" si="0"/>
        <v>0</v>
      </c>
    </row>
    <row r="31" spans="1:6" x14ac:dyDescent="0.25">
      <c r="A31" s="36" t="s">
        <v>133</v>
      </c>
      <c r="B31" s="61" t="s">
        <v>15</v>
      </c>
      <c r="C31" s="38" t="s">
        <v>17</v>
      </c>
      <c r="D31" s="27"/>
      <c r="E31" s="44">
        <v>3.54</v>
      </c>
      <c r="F31" s="29">
        <f t="shared" si="0"/>
        <v>0</v>
      </c>
    </row>
    <row r="32" spans="1:6" x14ac:dyDescent="0.25">
      <c r="A32" s="24" t="s">
        <v>154</v>
      </c>
      <c r="B32" s="61" t="s">
        <v>15</v>
      </c>
      <c r="C32" s="38" t="s">
        <v>17</v>
      </c>
      <c r="D32" s="27"/>
      <c r="E32" s="44">
        <v>1.64</v>
      </c>
      <c r="F32" s="29">
        <f t="shared" si="0"/>
        <v>0</v>
      </c>
    </row>
    <row r="33" spans="1:6" x14ac:dyDescent="0.25">
      <c r="A33" s="24" t="s">
        <v>134</v>
      </c>
      <c r="B33" s="61" t="s">
        <v>15</v>
      </c>
      <c r="C33" s="38" t="s">
        <v>17</v>
      </c>
      <c r="D33" s="27"/>
      <c r="E33" s="44">
        <v>0.68</v>
      </c>
      <c r="F33" s="29">
        <f t="shared" si="0"/>
        <v>0</v>
      </c>
    </row>
    <row r="34" spans="1:6" x14ac:dyDescent="0.25">
      <c r="A34" s="36" t="s">
        <v>155</v>
      </c>
      <c r="B34" s="61" t="s">
        <v>15</v>
      </c>
      <c r="C34" s="38" t="s">
        <v>16</v>
      </c>
      <c r="D34" s="27"/>
      <c r="E34" s="44">
        <v>0.8</v>
      </c>
      <c r="F34" s="29">
        <f t="shared" si="0"/>
        <v>0</v>
      </c>
    </row>
    <row r="35" spans="1:6" x14ac:dyDescent="0.25">
      <c r="A35" s="36" t="s">
        <v>1170</v>
      </c>
      <c r="B35" s="61" t="s">
        <v>15</v>
      </c>
      <c r="C35" s="38" t="s">
        <v>17</v>
      </c>
      <c r="D35" s="27"/>
      <c r="E35" s="44">
        <v>3.79</v>
      </c>
      <c r="F35" s="29">
        <f t="shared" si="0"/>
        <v>0</v>
      </c>
    </row>
    <row r="36" spans="1:6" x14ac:dyDescent="0.25">
      <c r="A36" s="24" t="s">
        <v>135</v>
      </c>
      <c r="B36" s="61" t="s">
        <v>15</v>
      </c>
      <c r="C36" s="38" t="s">
        <v>20</v>
      </c>
      <c r="D36" s="27"/>
      <c r="E36" s="44">
        <v>8.4499999999999993</v>
      </c>
      <c r="F36" s="29">
        <f t="shared" si="0"/>
        <v>0</v>
      </c>
    </row>
    <row r="37" spans="1:6" x14ac:dyDescent="0.25">
      <c r="A37" s="24" t="s">
        <v>136</v>
      </c>
      <c r="B37" s="61" t="s">
        <v>15</v>
      </c>
      <c r="C37" s="38" t="s">
        <v>17</v>
      </c>
      <c r="D37" s="27"/>
      <c r="E37" s="44">
        <v>1.98</v>
      </c>
      <c r="F37" s="29">
        <f t="shared" si="0"/>
        <v>0</v>
      </c>
    </row>
    <row r="38" spans="1:6" x14ac:dyDescent="0.25">
      <c r="A38" s="24" t="s">
        <v>137</v>
      </c>
      <c r="B38" s="61" t="s">
        <v>15</v>
      </c>
      <c r="C38" s="38" t="s">
        <v>17</v>
      </c>
      <c r="D38" s="27"/>
      <c r="E38" s="44">
        <v>1.6</v>
      </c>
      <c r="F38" s="29">
        <f t="shared" si="0"/>
        <v>0</v>
      </c>
    </row>
    <row r="39" spans="1:6" x14ac:dyDescent="0.25">
      <c r="A39" s="24" t="s">
        <v>138</v>
      </c>
      <c r="B39" s="61" t="s">
        <v>15</v>
      </c>
      <c r="C39" s="38" t="s">
        <v>16</v>
      </c>
      <c r="D39" s="27"/>
      <c r="E39" s="44">
        <v>1.37</v>
      </c>
      <c r="F39" s="29">
        <f t="shared" si="0"/>
        <v>0</v>
      </c>
    </row>
    <row r="40" spans="1:6" x14ac:dyDescent="0.25">
      <c r="A40" s="24" t="s">
        <v>156</v>
      </c>
      <c r="B40" s="61" t="s">
        <v>15</v>
      </c>
      <c r="C40" s="38" t="s">
        <v>17</v>
      </c>
      <c r="D40" s="27"/>
      <c r="E40" s="44">
        <v>0.68</v>
      </c>
      <c r="F40" s="29">
        <f t="shared" si="0"/>
        <v>0</v>
      </c>
    </row>
    <row r="41" spans="1:6" x14ac:dyDescent="0.25">
      <c r="A41" s="36" t="s">
        <v>139</v>
      </c>
      <c r="B41" s="61" t="s">
        <v>15</v>
      </c>
      <c r="C41" s="38" t="s">
        <v>16</v>
      </c>
      <c r="D41" s="27"/>
      <c r="E41" s="44">
        <v>13.36</v>
      </c>
      <c r="F41" s="29">
        <f t="shared" si="0"/>
        <v>0</v>
      </c>
    </row>
    <row r="42" spans="1:6" x14ac:dyDescent="0.25">
      <c r="A42" s="36" t="s">
        <v>141</v>
      </c>
      <c r="B42" s="61" t="s">
        <v>15</v>
      </c>
      <c r="C42" s="38" t="s">
        <v>17</v>
      </c>
      <c r="D42" s="27"/>
      <c r="E42" s="44">
        <v>0.85</v>
      </c>
      <c r="F42" s="29">
        <f t="shared" si="0"/>
        <v>0</v>
      </c>
    </row>
    <row r="43" spans="1:6" x14ac:dyDescent="0.25">
      <c r="A43" s="36" t="s">
        <v>142</v>
      </c>
      <c r="B43" s="61" t="s">
        <v>15</v>
      </c>
      <c r="C43" s="38" t="s">
        <v>17</v>
      </c>
      <c r="D43" s="27"/>
      <c r="E43" s="44">
        <v>1.75</v>
      </c>
      <c r="F43" s="29">
        <f t="shared" si="0"/>
        <v>0</v>
      </c>
    </row>
    <row r="44" spans="1:6" x14ac:dyDescent="0.25">
      <c r="A44" s="36" t="s">
        <v>143</v>
      </c>
      <c r="B44" s="61" t="s">
        <v>15</v>
      </c>
      <c r="C44" s="38" t="s">
        <v>18</v>
      </c>
      <c r="D44" s="27"/>
      <c r="E44" s="44">
        <v>4.34</v>
      </c>
      <c r="F44" s="29">
        <f t="shared" si="0"/>
        <v>0</v>
      </c>
    </row>
    <row r="45" spans="1:6" x14ac:dyDescent="0.25">
      <c r="A45" s="24" t="s">
        <v>157</v>
      </c>
      <c r="B45" s="61" t="s">
        <v>15</v>
      </c>
      <c r="C45" s="38" t="s">
        <v>17</v>
      </c>
      <c r="D45" s="27"/>
      <c r="E45" s="44">
        <v>0.48299999999999998</v>
      </c>
      <c r="F45" s="29">
        <f t="shared" si="0"/>
        <v>0</v>
      </c>
    </row>
    <row r="46" spans="1:6" x14ac:dyDescent="0.25">
      <c r="A46" s="36" t="s">
        <v>144</v>
      </c>
      <c r="B46" s="61" t="s">
        <v>15</v>
      </c>
      <c r="C46" s="38" t="s">
        <v>17</v>
      </c>
      <c r="D46" s="27"/>
      <c r="E46" s="44">
        <v>0.42499999999999999</v>
      </c>
      <c r="F46" s="29">
        <f t="shared" si="0"/>
        <v>0</v>
      </c>
    </row>
    <row r="47" spans="1:6" x14ac:dyDescent="0.25">
      <c r="A47" s="24" t="s">
        <v>145</v>
      </c>
      <c r="B47" s="61" t="s">
        <v>15</v>
      </c>
      <c r="C47" s="38" t="s">
        <v>17</v>
      </c>
      <c r="D47" s="27"/>
      <c r="E47" s="44">
        <v>0.54</v>
      </c>
      <c r="F47" s="29">
        <f t="shared" si="0"/>
        <v>0</v>
      </c>
    </row>
    <row r="48" spans="1:6" x14ac:dyDescent="0.25">
      <c r="A48" s="36" t="s">
        <v>146</v>
      </c>
      <c r="B48" s="61" t="s">
        <v>15</v>
      </c>
      <c r="C48" s="38" t="s">
        <v>17</v>
      </c>
      <c r="D48" s="27"/>
      <c r="E48" s="44">
        <v>5.03</v>
      </c>
      <c r="F48" s="29">
        <f t="shared" si="0"/>
        <v>0</v>
      </c>
    </row>
    <row r="49" spans="1:6" x14ac:dyDescent="0.25">
      <c r="A49" s="24" t="s">
        <v>147</v>
      </c>
      <c r="B49" s="61" t="s">
        <v>15</v>
      </c>
      <c r="C49" s="38" t="s">
        <v>17</v>
      </c>
      <c r="D49" s="27"/>
      <c r="E49" s="44">
        <v>6.73</v>
      </c>
      <c r="F49" s="29">
        <f t="shared" si="0"/>
        <v>0</v>
      </c>
    </row>
    <row r="50" spans="1:6" x14ac:dyDescent="0.25">
      <c r="A50" s="36" t="s">
        <v>158</v>
      </c>
      <c r="B50" s="61"/>
      <c r="C50" s="38"/>
      <c r="D50" s="27"/>
      <c r="E50" s="44"/>
      <c r="F50" s="29">
        <f t="shared" ref="F50:F60" si="1">SUM(D50*E50)</f>
        <v>0</v>
      </c>
    </row>
    <row r="51" spans="1:6" x14ac:dyDescent="0.25">
      <c r="A51" s="53" t="s">
        <v>21</v>
      </c>
      <c r="B51" s="61"/>
      <c r="C51" s="38"/>
      <c r="D51" s="27"/>
      <c r="E51" s="44"/>
      <c r="F51" s="29">
        <f t="shared" si="1"/>
        <v>0</v>
      </c>
    </row>
    <row r="52" spans="1:6" x14ac:dyDescent="0.25">
      <c r="A52" s="36" t="s">
        <v>644</v>
      </c>
      <c r="B52" s="61" t="s">
        <v>22</v>
      </c>
      <c r="C52" s="38" t="s">
        <v>18</v>
      </c>
      <c r="D52" s="27"/>
      <c r="E52" s="44">
        <v>16.7</v>
      </c>
      <c r="F52" s="29">
        <f t="shared" ref="F52:F57" si="2">SUM(D52*E52)</f>
        <v>0</v>
      </c>
    </row>
    <row r="53" spans="1:6" x14ac:dyDescent="0.25">
      <c r="A53" s="36" t="s">
        <v>648</v>
      </c>
      <c r="B53" s="61" t="s">
        <v>22</v>
      </c>
      <c r="C53" s="38" t="s">
        <v>17</v>
      </c>
      <c r="D53" s="27"/>
      <c r="E53" s="44">
        <v>0.53</v>
      </c>
      <c r="F53" s="29">
        <f t="shared" si="2"/>
        <v>0</v>
      </c>
    </row>
    <row r="54" spans="1:6" x14ac:dyDescent="0.25">
      <c r="A54" s="36" t="s">
        <v>1243</v>
      </c>
      <c r="B54" s="61" t="s">
        <v>22</v>
      </c>
      <c r="C54" s="38" t="s">
        <v>17</v>
      </c>
      <c r="D54" s="27"/>
      <c r="E54" s="44">
        <v>1.34</v>
      </c>
      <c r="F54" s="29">
        <f t="shared" si="2"/>
        <v>0</v>
      </c>
    </row>
    <row r="55" spans="1:6" x14ac:dyDescent="0.25">
      <c r="A55" s="36" t="s">
        <v>647</v>
      </c>
      <c r="B55" s="61" t="s">
        <v>22</v>
      </c>
      <c r="C55" s="38" t="s">
        <v>18</v>
      </c>
      <c r="D55" s="27"/>
      <c r="E55" s="44">
        <v>28.4</v>
      </c>
      <c r="F55" s="29">
        <f t="shared" si="2"/>
        <v>0</v>
      </c>
    </row>
    <row r="56" spans="1:6" x14ac:dyDescent="0.25">
      <c r="A56" s="36" t="s">
        <v>646</v>
      </c>
      <c r="B56" s="61" t="s">
        <v>22</v>
      </c>
      <c r="C56" s="38" t="s">
        <v>17</v>
      </c>
      <c r="D56" s="27"/>
      <c r="E56" s="44">
        <v>0.42599999999999999</v>
      </c>
      <c r="F56" s="29">
        <f t="shared" si="2"/>
        <v>0</v>
      </c>
    </row>
    <row r="57" spans="1:6" x14ac:dyDescent="0.25">
      <c r="A57" s="36" t="s">
        <v>645</v>
      </c>
      <c r="B57" s="61" t="s">
        <v>22</v>
      </c>
      <c r="C57" s="38" t="s">
        <v>17</v>
      </c>
      <c r="D57" s="27"/>
      <c r="E57" s="44">
        <v>0.67600000000000005</v>
      </c>
      <c r="F57" s="29">
        <f t="shared" si="2"/>
        <v>0</v>
      </c>
    </row>
    <row r="58" spans="1:6" x14ac:dyDescent="0.25">
      <c r="A58" s="36" t="s">
        <v>158</v>
      </c>
      <c r="B58" s="61"/>
      <c r="C58" s="38"/>
      <c r="D58" s="27"/>
      <c r="E58" s="44"/>
      <c r="F58" s="29">
        <f t="shared" si="1"/>
        <v>0</v>
      </c>
    </row>
    <row r="59" spans="1:6" x14ac:dyDescent="0.25">
      <c r="A59" s="53" t="s">
        <v>23</v>
      </c>
      <c r="B59" s="61"/>
      <c r="C59" s="38"/>
      <c r="D59" s="27"/>
      <c r="E59" s="44"/>
      <c r="F59" s="29">
        <f t="shared" si="1"/>
        <v>0</v>
      </c>
    </row>
    <row r="60" spans="1:6" s="1" customFormat="1" x14ac:dyDescent="0.25">
      <c r="A60" s="54" t="s">
        <v>1311</v>
      </c>
      <c r="B60" s="61" t="s">
        <v>24</v>
      </c>
      <c r="C60" s="38" t="s">
        <v>58</v>
      </c>
      <c r="D60" s="27"/>
      <c r="E60" s="44">
        <v>2.5979999999999999</v>
      </c>
      <c r="F60" s="29">
        <f t="shared" si="1"/>
        <v>0</v>
      </c>
    </row>
    <row r="61" spans="1:6" x14ac:dyDescent="0.25">
      <c r="A61" s="36" t="s">
        <v>1363</v>
      </c>
      <c r="B61" s="61" t="s">
        <v>24</v>
      </c>
      <c r="C61" s="38" t="s">
        <v>17</v>
      </c>
      <c r="D61" s="27"/>
      <c r="E61" s="44">
        <v>0.65</v>
      </c>
      <c r="F61" s="29">
        <f t="shared" ref="F61:F91" si="3">SUM(D61*E61)</f>
        <v>0</v>
      </c>
    </row>
    <row r="62" spans="1:6" x14ac:dyDescent="0.25">
      <c r="A62" s="24" t="s">
        <v>1334</v>
      </c>
      <c r="B62" s="61" t="s">
        <v>24</v>
      </c>
      <c r="C62" s="38" t="s">
        <v>25</v>
      </c>
      <c r="D62" s="27"/>
      <c r="E62" s="44">
        <v>62.4</v>
      </c>
      <c r="F62" s="29">
        <f t="shared" si="3"/>
        <v>0</v>
      </c>
    </row>
    <row r="63" spans="1:6" x14ac:dyDescent="0.25">
      <c r="A63" s="36" t="s">
        <v>1312</v>
      </c>
      <c r="B63" s="61" t="s">
        <v>24</v>
      </c>
      <c r="C63" s="38" t="s">
        <v>18</v>
      </c>
      <c r="D63" s="27"/>
      <c r="E63" s="44">
        <v>2.69</v>
      </c>
      <c r="F63" s="29">
        <f t="shared" si="3"/>
        <v>0</v>
      </c>
    </row>
    <row r="64" spans="1:6" x14ac:dyDescent="0.25">
      <c r="A64" s="36" t="s">
        <v>1313</v>
      </c>
      <c r="B64" s="61" t="s">
        <v>24</v>
      </c>
      <c r="C64" s="38" t="s">
        <v>5</v>
      </c>
      <c r="D64" s="27"/>
      <c r="E64" s="44">
        <v>46.133200000000002</v>
      </c>
      <c r="F64" s="29">
        <f t="shared" si="3"/>
        <v>0</v>
      </c>
    </row>
    <row r="65" spans="1:6" x14ac:dyDescent="0.25">
      <c r="A65" s="36" t="s">
        <v>1314</v>
      </c>
      <c r="B65" s="61" t="s">
        <v>24</v>
      </c>
      <c r="C65" s="38" t="s">
        <v>17</v>
      </c>
      <c r="D65" s="27"/>
      <c r="E65" s="44">
        <v>9.7500000000000003E-2</v>
      </c>
      <c r="F65" s="29">
        <f t="shared" si="3"/>
        <v>0</v>
      </c>
    </row>
    <row r="66" spans="1:6" x14ac:dyDescent="0.25">
      <c r="A66" s="36" t="s">
        <v>1317</v>
      </c>
      <c r="B66" s="61" t="s">
        <v>24</v>
      </c>
      <c r="C66" s="38" t="s">
        <v>17</v>
      </c>
      <c r="D66" s="27"/>
      <c r="E66" s="44">
        <v>0.13700000000000001</v>
      </c>
      <c r="F66" s="29">
        <f t="shared" si="3"/>
        <v>0</v>
      </c>
    </row>
    <row r="67" spans="1:6" x14ac:dyDescent="0.25">
      <c r="A67" s="36" t="s">
        <v>1315</v>
      </c>
      <c r="B67" s="61" t="s">
        <v>24</v>
      </c>
      <c r="C67" s="38" t="s">
        <v>17</v>
      </c>
      <c r="D67" s="27"/>
      <c r="E67" s="44">
        <v>7.7899999999999997E-2</v>
      </c>
      <c r="F67" s="29">
        <f t="shared" si="3"/>
        <v>0</v>
      </c>
    </row>
    <row r="68" spans="1:6" x14ac:dyDescent="0.25">
      <c r="A68" s="36" t="s">
        <v>1316</v>
      </c>
      <c r="B68" s="61" t="s">
        <v>24</v>
      </c>
      <c r="C68" s="38" t="s">
        <v>17</v>
      </c>
      <c r="D68" s="27"/>
      <c r="E68" s="44">
        <v>8.4400000000000003E-2</v>
      </c>
      <c r="F68" s="29">
        <f t="shared" si="3"/>
        <v>0</v>
      </c>
    </row>
    <row r="69" spans="1:6" x14ac:dyDescent="0.25">
      <c r="A69" s="36" t="s">
        <v>1318</v>
      </c>
      <c r="B69" s="61" t="s">
        <v>24</v>
      </c>
      <c r="C69" s="38" t="s">
        <v>17</v>
      </c>
      <c r="D69" s="27"/>
      <c r="E69" s="44">
        <v>0.14299999999999999</v>
      </c>
      <c r="F69" s="29">
        <f t="shared" si="3"/>
        <v>0</v>
      </c>
    </row>
    <row r="70" spans="1:6" x14ac:dyDescent="0.25">
      <c r="A70" s="36" t="s">
        <v>1330</v>
      </c>
      <c r="B70" s="61" t="s">
        <v>24</v>
      </c>
      <c r="C70" s="38" t="s">
        <v>25</v>
      </c>
      <c r="D70" s="27"/>
      <c r="E70" s="44">
        <v>0.90910000000000002</v>
      </c>
      <c r="F70" s="29">
        <f t="shared" si="3"/>
        <v>0</v>
      </c>
    </row>
    <row r="71" spans="1:6" x14ac:dyDescent="0.25">
      <c r="A71" s="24" t="s">
        <v>1320</v>
      </c>
      <c r="B71" s="61" t="s">
        <v>24</v>
      </c>
      <c r="C71" s="38" t="s">
        <v>18</v>
      </c>
      <c r="D71" s="27"/>
      <c r="E71" s="44">
        <v>4.8</v>
      </c>
      <c r="F71" s="29">
        <f t="shared" si="3"/>
        <v>0</v>
      </c>
    </row>
    <row r="72" spans="1:6" x14ac:dyDescent="0.25">
      <c r="A72" s="36" t="s">
        <v>1321</v>
      </c>
      <c r="B72" s="61" t="s">
        <v>24</v>
      </c>
      <c r="C72" s="38" t="s">
        <v>18</v>
      </c>
      <c r="D72" s="27"/>
      <c r="E72" s="44">
        <v>6.08</v>
      </c>
      <c r="F72" s="29">
        <f t="shared" si="3"/>
        <v>0</v>
      </c>
    </row>
    <row r="73" spans="1:6" x14ac:dyDescent="0.25">
      <c r="A73" s="36" t="s">
        <v>1329</v>
      </c>
      <c r="B73" s="61" t="s">
        <v>24</v>
      </c>
      <c r="C73" s="38" t="s">
        <v>18</v>
      </c>
      <c r="D73" s="27"/>
      <c r="E73" s="44">
        <v>40.58</v>
      </c>
      <c r="F73" s="29">
        <f t="shared" si="3"/>
        <v>0</v>
      </c>
    </row>
    <row r="74" spans="1:6" x14ac:dyDescent="0.25">
      <c r="A74" s="36" t="s">
        <v>1323</v>
      </c>
      <c r="B74" s="61" t="s">
        <v>24</v>
      </c>
      <c r="C74" s="38" t="s">
        <v>18</v>
      </c>
      <c r="D74" s="27"/>
      <c r="E74" s="44">
        <v>5.61</v>
      </c>
      <c r="F74" s="29">
        <f t="shared" si="3"/>
        <v>0</v>
      </c>
    </row>
    <row r="75" spans="1:6" x14ac:dyDescent="0.25">
      <c r="A75" s="36" t="s">
        <v>1324</v>
      </c>
      <c r="B75" s="61" t="s">
        <v>24</v>
      </c>
      <c r="C75" s="38" t="s">
        <v>16</v>
      </c>
      <c r="D75" s="27"/>
      <c r="E75" s="44">
        <v>4.82</v>
      </c>
      <c r="F75" s="29">
        <f t="shared" si="3"/>
        <v>0</v>
      </c>
    </row>
    <row r="76" spans="1:6" x14ac:dyDescent="0.25">
      <c r="A76" s="36" t="s">
        <v>1325</v>
      </c>
      <c r="B76" s="61" t="s">
        <v>24</v>
      </c>
      <c r="C76" s="38" t="s">
        <v>17</v>
      </c>
      <c r="D76" s="27"/>
      <c r="E76" s="44">
        <v>0.3</v>
      </c>
      <c r="F76" s="29">
        <f t="shared" si="3"/>
        <v>0</v>
      </c>
    </row>
    <row r="77" spans="1:6" x14ac:dyDescent="0.25">
      <c r="A77" s="36" t="s">
        <v>1326</v>
      </c>
      <c r="B77" s="61" t="s">
        <v>24</v>
      </c>
      <c r="C77" s="38" t="s">
        <v>16</v>
      </c>
      <c r="D77" s="27"/>
      <c r="E77" s="44">
        <v>1.5</v>
      </c>
      <c r="F77" s="29">
        <f t="shared" si="3"/>
        <v>0</v>
      </c>
    </row>
    <row r="78" spans="1:6" x14ac:dyDescent="0.25">
      <c r="A78" s="24" t="s">
        <v>159</v>
      </c>
      <c r="B78" s="61" t="s">
        <v>24</v>
      </c>
      <c r="C78" s="38" t="s">
        <v>18</v>
      </c>
      <c r="D78" s="27"/>
      <c r="E78" s="44">
        <v>95.951400000000007</v>
      </c>
      <c r="F78" s="29">
        <f t="shared" si="3"/>
        <v>0</v>
      </c>
    </row>
    <row r="79" spans="1:6" x14ac:dyDescent="0.25">
      <c r="A79" s="36" t="s">
        <v>1328</v>
      </c>
      <c r="B79" s="61" t="s">
        <v>24</v>
      </c>
      <c r="C79" s="38" t="s">
        <v>5</v>
      </c>
      <c r="D79" s="27"/>
      <c r="E79" s="44">
        <v>1.02</v>
      </c>
      <c r="F79" s="29">
        <f t="shared" si="3"/>
        <v>0</v>
      </c>
    </row>
    <row r="80" spans="1:6" x14ac:dyDescent="0.25">
      <c r="A80" s="36" t="s">
        <v>1331</v>
      </c>
      <c r="B80" s="61" t="s">
        <v>24</v>
      </c>
      <c r="C80" s="38" t="s">
        <v>18</v>
      </c>
      <c r="D80" s="27"/>
      <c r="E80" s="44">
        <v>8.5500000000000007</v>
      </c>
      <c r="F80" s="29">
        <f t="shared" si="3"/>
        <v>0</v>
      </c>
    </row>
    <row r="81" spans="1:6" x14ac:dyDescent="0.25">
      <c r="A81" s="36" t="s">
        <v>1332</v>
      </c>
      <c r="B81" s="61" t="s">
        <v>24</v>
      </c>
      <c r="C81" s="38" t="s">
        <v>17</v>
      </c>
      <c r="D81" s="27"/>
      <c r="E81" s="44">
        <v>0.622</v>
      </c>
      <c r="F81" s="29">
        <f t="shared" si="3"/>
        <v>0</v>
      </c>
    </row>
    <row r="82" spans="1:6" x14ac:dyDescent="0.25">
      <c r="A82" s="24" t="s">
        <v>1333</v>
      </c>
      <c r="B82" s="61" t="s">
        <v>24</v>
      </c>
      <c r="C82" s="38" t="s">
        <v>17</v>
      </c>
      <c r="D82" s="27"/>
      <c r="E82" s="44">
        <v>0.24</v>
      </c>
      <c r="F82" s="29">
        <f t="shared" si="3"/>
        <v>0</v>
      </c>
    </row>
    <row r="83" spans="1:6" x14ac:dyDescent="0.25">
      <c r="A83" s="36" t="s">
        <v>1335</v>
      </c>
      <c r="B83" s="61" t="s">
        <v>24</v>
      </c>
      <c r="C83" s="38" t="s">
        <v>17</v>
      </c>
      <c r="D83" s="27"/>
      <c r="E83" s="44">
        <v>0.23</v>
      </c>
      <c r="F83" s="29">
        <f t="shared" si="3"/>
        <v>0</v>
      </c>
    </row>
    <row r="84" spans="1:6" x14ac:dyDescent="0.25">
      <c r="A84" s="24" t="s">
        <v>1337</v>
      </c>
      <c r="B84" s="61" t="s">
        <v>24</v>
      </c>
      <c r="C84" s="38" t="s">
        <v>25</v>
      </c>
      <c r="D84" s="27"/>
      <c r="E84" s="44">
        <v>9.4</v>
      </c>
      <c r="F84" s="29">
        <f t="shared" si="3"/>
        <v>0</v>
      </c>
    </row>
    <row r="85" spans="1:6" x14ac:dyDescent="0.25">
      <c r="A85" s="36" t="s">
        <v>1336</v>
      </c>
      <c r="B85" s="61" t="s">
        <v>24</v>
      </c>
      <c r="C85" s="38" t="s">
        <v>25</v>
      </c>
      <c r="D85" s="27"/>
      <c r="E85" s="44">
        <v>6.65</v>
      </c>
      <c r="F85" s="29">
        <f t="shared" si="3"/>
        <v>0</v>
      </c>
    </row>
    <row r="86" spans="1:6" x14ac:dyDescent="0.25">
      <c r="A86" s="36" t="s">
        <v>1338</v>
      </c>
      <c r="B86" s="61" t="s">
        <v>24</v>
      </c>
      <c r="C86" s="38" t="s">
        <v>18</v>
      </c>
      <c r="D86" s="27"/>
      <c r="E86" s="44">
        <v>0.61040000000000005</v>
      </c>
      <c r="F86" s="29">
        <f t="shared" si="3"/>
        <v>0</v>
      </c>
    </row>
    <row r="87" spans="1:6" x14ac:dyDescent="0.25">
      <c r="A87" s="36" t="s">
        <v>1339</v>
      </c>
      <c r="B87" s="61" t="s">
        <v>24</v>
      </c>
      <c r="C87" s="38" t="s">
        <v>20</v>
      </c>
      <c r="D87" s="27"/>
      <c r="E87" s="44">
        <v>4.18</v>
      </c>
      <c r="F87" s="29">
        <f t="shared" si="3"/>
        <v>0</v>
      </c>
    </row>
    <row r="88" spans="1:6" s="1" customFormat="1" x14ac:dyDescent="0.25">
      <c r="A88" s="36" t="s">
        <v>1327</v>
      </c>
      <c r="B88" s="61" t="s">
        <v>24</v>
      </c>
      <c r="C88" s="38" t="s">
        <v>5</v>
      </c>
      <c r="D88" s="27"/>
      <c r="E88" s="44">
        <v>3.16</v>
      </c>
      <c r="F88" s="29">
        <f t="shared" si="3"/>
        <v>0</v>
      </c>
    </row>
    <row r="89" spans="1:6" x14ac:dyDescent="0.25">
      <c r="A89" s="36" t="s">
        <v>1340</v>
      </c>
      <c r="B89" s="61" t="s">
        <v>24</v>
      </c>
      <c r="C89" s="38" t="s">
        <v>17</v>
      </c>
      <c r="D89" s="27"/>
      <c r="E89" s="44">
        <v>0.7</v>
      </c>
      <c r="F89" s="29">
        <f t="shared" si="3"/>
        <v>0</v>
      </c>
    </row>
    <row r="90" spans="1:6" x14ac:dyDescent="0.25">
      <c r="A90" s="36" t="s">
        <v>1341</v>
      </c>
      <c r="B90" s="61" t="s">
        <v>24</v>
      </c>
      <c r="C90" s="38" t="s">
        <v>17</v>
      </c>
      <c r="D90" s="27"/>
      <c r="E90" s="44">
        <v>1.1599999999999999</v>
      </c>
      <c r="F90" s="29">
        <f t="shared" si="3"/>
        <v>0</v>
      </c>
    </row>
    <row r="91" spans="1:6" x14ac:dyDescent="0.25">
      <c r="A91" s="36" t="s">
        <v>1342</v>
      </c>
      <c r="B91" s="61" t="s">
        <v>24</v>
      </c>
      <c r="C91" s="38" t="s">
        <v>17</v>
      </c>
      <c r="D91" s="27"/>
      <c r="E91" s="44">
        <v>0.18</v>
      </c>
      <c r="F91" s="29">
        <f t="shared" si="3"/>
        <v>0</v>
      </c>
    </row>
    <row r="92" spans="1:6" x14ac:dyDescent="0.25">
      <c r="A92" s="36" t="s">
        <v>1343</v>
      </c>
      <c r="B92" s="61" t="s">
        <v>24</v>
      </c>
      <c r="C92" s="38" t="s">
        <v>17</v>
      </c>
      <c r="D92" s="27"/>
      <c r="E92" s="44">
        <v>0.95</v>
      </c>
      <c r="F92" s="29">
        <f t="shared" ref="F92:F116" si="4">SUM(D92*E92)</f>
        <v>0</v>
      </c>
    </row>
    <row r="93" spans="1:6" x14ac:dyDescent="0.25">
      <c r="A93" s="36" t="s">
        <v>1344</v>
      </c>
      <c r="B93" s="61" t="s">
        <v>24</v>
      </c>
      <c r="C93" s="38" t="s">
        <v>20</v>
      </c>
      <c r="D93" s="27"/>
      <c r="E93" s="44">
        <v>9.27</v>
      </c>
      <c r="F93" s="29">
        <f t="shared" si="4"/>
        <v>0</v>
      </c>
    </row>
    <row r="94" spans="1:6" x14ac:dyDescent="0.25">
      <c r="A94" s="36" t="s">
        <v>1345</v>
      </c>
      <c r="B94" s="61" t="s">
        <v>24</v>
      </c>
      <c r="C94" s="38" t="s">
        <v>20</v>
      </c>
      <c r="D94" s="27"/>
      <c r="E94" s="44">
        <v>3.69</v>
      </c>
      <c r="F94" s="29">
        <f t="shared" si="4"/>
        <v>0</v>
      </c>
    </row>
    <row r="95" spans="1:6" x14ac:dyDescent="0.25">
      <c r="A95" s="36" t="s">
        <v>1346</v>
      </c>
      <c r="B95" s="61" t="s">
        <v>24</v>
      </c>
      <c r="C95" s="38" t="s">
        <v>17</v>
      </c>
      <c r="D95" s="27"/>
      <c r="E95" s="44">
        <v>5.5E-2</v>
      </c>
      <c r="F95" s="29">
        <f t="shared" si="4"/>
        <v>0</v>
      </c>
    </row>
    <row r="96" spans="1:6" x14ac:dyDescent="0.25">
      <c r="A96" s="36" t="s">
        <v>1347</v>
      </c>
      <c r="B96" s="61" t="s">
        <v>24</v>
      </c>
      <c r="C96" s="38" t="s">
        <v>17</v>
      </c>
      <c r="D96" s="27"/>
      <c r="E96" s="44">
        <v>0.105</v>
      </c>
      <c r="F96" s="29">
        <f t="shared" si="4"/>
        <v>0</v>
      </c>
    </row>
    <row r="97" spans="1:6" x14ac:dyDescent="0.25">
      <c r="A97" s="36" t="s">
        <v>1348</v>
      </c>
      <c r="B97" s="61" t="s">
        <v>24</v>
      </c>
      <c r="C97" s="38" t="s">
        <v>5</v>
      </c>
      <c r="D97" s="27"/>
      <c r="E97" s="44">
        <v>12.99</v>
      </c>
      <c r="F97" s="29">
        <f t="shared" si="4"/>
        <v>0</v>
      </c>
    </row>
    <row r="98" spans="1:6" x14ac:dyDescent="0.25">
      <c r="A98" s="36" t="s">
        <v>1349</v>
      </c>
      <c r="B98" s="61" t="s">
        <v>24</v>
      </c>
      <c r="C98" s="38" t="s">
        <v>17</v>
      </c>
      <c r="D98" s="27"/>
      <c r="E98" s="44">
        <v>0.24</v>
      </c>
      <c r="F98" s="29">
        <f t="shared" si="4"/>
        <v>0</v>
      </c>
    </row>
    <row r="99" spans="1:6" x14ac:dyDescent="0.25">
      <c r="A99" s="36" t="s">
        <v>1350</v>
      </c>
      <c r="B99" s="61" t="s">
        <v>24</v>
      </c>
      <c r="C99" s="38" t="s">
        <v>20</v>
      </c>
      <c r="D99" s="27"/>
      <c r="E99" s="44">
        <v>4</v>
      </c>
      <c r="F99" s="29">
        <f t="shared" si="4"/>
        <v>0</v>
      </c>
    </row>
    <row r="100" spans="1:6" x14ac:dyDescent="0.25">
      <c r="A100" s="36" t="s">
        <v>1351</v>
      </c>
      <c r="B100" s="61" t="s">
        <v>24</v>
      </c>
      <c r="C100" s="38" t="s">
        <v>18</v>
      </c>
      <c r="D100" s="27"/>
      <c r="E100" s="44">
        <v>3.5</v>
      </c>
      <c r="F100" s="29">
        <f t="shared" si="4"/>
        <v>0</v>
      </c>
    </row>
    <row r="101" spans="1:6" x14ac:dyDescent="0.25">
      <c r="A101" s="36" t="s">
        <v>1352</v>
      </c>
      <c r="B101" s="61" t="s">
        <v>24</v>
      </c>
      <c r="C101" s="38" t="s">
        <v>18</v>
      </c>
      <c r="D101" s="27"/>
      <c r="E101" s="44">
        <v>4.59</v>
      </c>
      <c r="F101" s="29">
        <f t="shared" si="4"/>
        <v>0</v>
      </c>
    </row>
    <row r="102" spans="1:6" x14ac:dyDescent="0.25">
      <c r="A102" s="36" t="s">
        <v>1353</v>
      </c>
      <c r="B102" s="61" t="s">
        <v>24</v>
      </c>
      <c r="C102" s="38" t="s">
        <v>25</v>
      </c>
      <c r="D102" s="27"/>
      <c r="E102" s="44">
        <v>7.2</v>
      </c>
      <c r="F102" s="29">
        <f t="shared" si="4"/>
        <v>0</v>
      </c>
    </row>
    <row r="103" spans="1:6" x14ac:dyDescent="0.25">
      <c r="A103" s="36" t="s">
        <v>1354</v>
      </c>
      <c r="B103" s="61" t="s">
        <v>24</v>
      </c>
      <c r="C103" s="38" t="s">
        <v>17</v>
      </c>
      <c r="D103" s="27"/>
      <c r="E103" s="44">
        <v>0.18160000000000001</v>
      </c>
      <c r="F103" s="29">
        <f t="shared" si="4"/>
        <v>0</v>
      </c>
    </row>
    <row r="104" spans="1:6" s="1" customFormat="1" x14ac:dyDescent="0.25">
      <c r="A104" s="36" t="s">
        <v>1355</v>
      </c>
      <c r="B104" s="61" t="s">
        <v>24</v>
      </c>
      <c r="C104" s="38" t="s">
        <v>5</v>
      </c>
      <c r="D104" s="27"/>
      <c r="E104" s="44">
        <v>9.4</v>
      </c>
      <c r="F104" s="29">
        <f t="shared" si="4"/>
        <v>0</v>
      </c>
    </row>
    <row r="105" spans="1:6" x14ac:dyDescent="0.25">
      <c r="A105" s="36" t="s">
        <v>1358</v>
      </c>
      <c r="B105" s="61" t="s">
        <v>24</v>
      </c>
      <c r="C105" s="38" t="s">
        <v>18</v>
      </c>
      <c r="D105" s="27"/>
      <c r="E105" s="44">
        <v>1.29</v>
      </c>
      <c r="F105" s="29">
        <f t="shared" si="4"/>
        <v>0</v>
      </c>
    </row>
    <row r="106" spans="1:6" x14ac:dyDescent="0.25">
      <c r="A106" s="36" t="s">
        <v>1359</v>
      </c>
      <c r="B106" s="61" t="s">
        <v>24</v>
      </c>
      <c r="C106" s="38" t="s">
        <v>17</v>
      </c>
      <c r="D106" s="27"/>
      <c r="E106" s="44">
        <v>0.16800000000000001</v>
      </c>
      <c r="F106" s="29">
        <f t="shared" si="4"/>
        <v>0</v>
      </c>
    </row>
    <row r="107" spans="1:6" x14ac:dyDescent="0.25">
      <c r="A107" s="24" t="s">
        <v>1360</v>
      </c>
      <c r="B107" s="61" t="s">
        <v>24</v>
      </c>
      <c r="C107" s="38" t="s">
        <v>16</v>
      </c>
      <c r="D107" s="27"/>
      <c r="E107" s="44">
        <v>1.1000000000000001</v>
      </c>
      <c r="F107" s="29">
        <f t="shared" si="4"/>
        <v>0</v>
      </c>
    </row>
    <row r="108" spans="1:6" x14ac:dyDescent="0.25">
      <c r="A108" s="36" t="s">
        <v>1361</v>
      </c>
      <c r="B108" s="61" t="s">
        <v>24</v>
      </c>
      <c r="C108" s="38" t="s">
        <v>5</v>
      </c>
      <c r="D108" s="27"/>
      <c r="E108" s="44">
        <v>7.48</v>
      </c>
      <c r="F108" s="29">
        <f t="shared" si="4"/>
        <v>0</v>
      </c>
    </row>
    <row r="109" spans="1:6" x14ac:dyDescent="0.25">
      <c r="A109" s="36" t="s">
        <v>1362</v>
      </c>
      <c r="B109" s="61" t="s">
        <v>24</v>
      </c>
      <c r="C109" s="38" t="s">
        <v>17</v>
      </c>
      <c r="D109" s="27"/>
      <c r="E109" s="44">
        <v>0.59850000000000003</v>
      </c>
      <c r="F109" s="29">
        <f t="shared" si="4"/>
        <v>0</v>
      </c>
    </row>
    <row r="110" spans="1:6" x14ac:dyDescent="0.25">
      <c r="A110" s="36" t="s">
        <v>1357</v>
      </c>
      <c r="B110" s="61" t="s">
        <v>24</v>
      </c>
      <c r="C110" s="38" t="s">
        <v>5</v>
      </c>
      <c r="D110" s="27"/>
      <c r="E110" s="44">
        <v>4.97</v>
      </c>
      <c r="F110" s="29">
        <f t="shared" si="4"/>
        <v>0</v>
      </c>
    </row>
    <row r="111" spans="1:6" x14ac:dyDescent="0.25">
      <c r="A111" s="36" t="s">
        <v>1356</v>
      </c>
      <c r="B111" s="61" t="s">
        <v>24</v>
      </c>
      <c r="C111" s="38" t="s">
        <v>5</v>
      </c>
      <c r="D111" s="27"/>
      <c r="E111" s="44">
        <v>3.98</v>
      </c>
      <c r="F111" s="29">
        <f t="shared" si="4"/>
        <v>0</v>
      </c>
    </row>
    <row r="112" spans="1:6" x14ac:dyDescent="0.25">
      <c r="A112" s="24" t="s">
        <v>1364</v>
      </c>
      <c r="B112" s="61" t="s">
        <v>24</v>
      </c>
      <c r="C112" s="38" t="s">
        <v>17</v>
      </c>
      <c r="D112" s="27"/>
      <c r="E112" s="44">
        <v>0.3896</v>
      </c>
      <c r="F112" s="29">
        <f t="shared" si="4"/>
        <v>0</v>
      </c>
    </row>
    <row r="113" spans="1:6" x14ac:dyDescent="0.25">
      <c r="A113" s="36" t="s">
        <v>1365</v>
      </c>
      <c r="B113" s="61" t="s">
        <v>24</v>
      </c>
      <c r="C113" s="38" t="s">
        <v>17</v>
      </c>
      <c r="D113" s="27"/>
      <c r="E113" s="44">
        <v>0.75</v>
      </c>
      <c r="F113" s="29">
        <f t="shared" si="4"/>
        <v>0</v>
      </c>
    </row>
    <row r="114" spans="1:6" x14ac:dyDescent="0.25">
      <c r="A114" s="24" t="s">
        <v>1366</v>
      </c>
      <c r="B114" s="61" t="s">
        <v>24</v>
      </c>
      <c r="C114" s="38" t="s">
        <v>17</v>
      </c>
      <c r="D114" s="27"/>
      <c r="E114" s="44">
        <v>0.6</v>
      </c>
      <c r="F114" s="29">
        <f t="shared" si="4"/>
        <v>0</v>
      </c>
    </row>
    <row r="115" spans="1:6" x14ac:dyDescent="0.25">
      <c r="A115" s="36" t="s">
        <v>1319</v>
      </c>
      <c r="B115" s="61" t="s">
        <v>24</v>
      </c>
      <c r="C115" s="38" t="s">
        <v>18</v>
      </c>
      <c r="D115" s="27"/>
      <c r="E115" s="44">
        <v>2.2999999999999998</v>
      </c>
      <c r="F115" s="29">
        <f t="shared" si="4"/>
        <v>0</v>
      </c>
    </row>
    <row r="116" spans="1:6" x14ac:dyDescent="0.25">
      <c r="A116" s="36" t="s">
        <v>1367</v>
      </c>
      <c r="B116" s="61" t="s">
        <v>24</v>
      </c>
      <c r="C116" s="38" t="s">
        <v>17</v>
      </c>
      <c r="D116" s="27"/>
      <c r="E116" s="44">
        <v>0.73</v>
      </c>
      <c r="F116" s="29">
        <f t="shared" si="4"/>
        <v>0</v>
      </c>
    </row>
    <row r="117" spans="1:6" x14ac:dyDescent="0.25">
      <c r="A117" s="36" t="s">
        <v>158</v>
      </c>
      <c r="B117" s="61"/>
      <c r="C117" s="38"/>
      <c r="D117" s="27"/>
      <c r="E117" s="44"/>
      <c r="F117" s="29">
        <f t="shared" ref="F117:F118" si="5">SUM(D117*E117)</f>
        <v>0</v>
      </c>
    </row>
    <row r="118" spans="1:6" x14ac:dyDescent="0.25">
      <c r="A118" s="53" t="s">
        <v>26</v>
      </c>
      <c r="B118" s="61"/>
      <c r="C118" s="38"/>
      <c r="D118" s="27"/>
      <c r="E118" s="44"/>
      <c r="F118" s="29">
        <f t="shared" si="5"/>
        <v>0</v>
      </c>
    </row>
    <row r="119" spans="1:6" x14ac:dyDescent="0.25">
      <c r="A119" s="36" t="s">
        <v>941</v>
      </c>
      <c r="B119" s="61" t="s">
        <v>27</v>
      </c>
      <c r="C119" s="38" t="s">
        <v>17</v>
      </c>
      <c r="D119" s="27"/>
      <c r="E119" s="44">
        <v>0.14699999999999999</v>
      </c>
      <c r="F119" s="29">
        <f t="shared" ref="F119:F150" si="6">SUM(D119*E119)</f>
        <v>0</v>
      </c>
    </row>
    <row r="120" spans="1:6" x14ac:dyDescent="0.25">
      <c r="A120" s="24" t="s">
        <v>942</v>
      </c>
      <c r="B120" s="61" t="s">
        <v>27</v>
      </c>
      <c r="C120" s="38" t="s">
        <v>17</v>
      </c>
      <c r="D120" s="27"/>
      <c r="E120" s="44">
        <v>0.5</v>
      </c>
      <c r="F120" s="29">
        <f t="shared" si="6"/>
        <v>0</v>
      </c>
    </row>
    <row r="121" spans="1:6" x14ac:dyDescent="0.25">
      <c r="A121" s="36" t="s">
        <v>943</v>
      </c>
      <c r="B121" s="61" t="s">
        <v>27</v>
      </c>
      <c r="C121" s="38" t="s">
        <v>17</v>
      </c>
      <c r="D121" s="27"/>
      <c r="E121" s="44">
        <v>0.35</v>
      </c>
      <c r="F121" s="29">
        <f t="shared" si="6"/>
        <v>0</v>
      </c>
    </row>
    <row r="122" spans="1:6" x14ac:dyDescent="0.25">
      <c r="A122" s="24" t="s">
        <v>940</v>
      </c>
      <c r="B122" s="61" t="s">
        <v>27</v>
      </c>
      <c r="C122" s="38" t="s">
        <v>17</v>
      </c>
      <c r="D122" s="27"/>
      <c r="E122" s="44">
        <v>0.23</v>
      </c>
      <c r="F122" s="29">
        <f t="shared" si="6"/>
        <v>0</v>
      </c>
    </row>
    <row r="123" spans="1:6" x14ac:dyDescent="0.25">
      <c r="A123" s="36" t="s">
        <v>944</v>
      </c>
      <c r="B123" s="61" t="s">
        <v>27</v>
      </c>
      <c r="C123" s="38" t="s">
        <v>54</v>
      </c>
      <c r="D123" s="27"/>
      <c r="E123" s="44">
        <v>0.8</v>
      </c>
      <c r="F123" s="29">
        <f t="shared" si="6"/>
        <v>0</v>
      </c>
    </row>
    <row r="124" spans="1:6" x14ac:dyDescent="0.25">
      <c r="A124" s="36" t="s">
        <v>945</v>
      </c>
      <c r="B124" s="61" t="s">
        <v>27</v>
      </c>
      <c r="C124" s="38" t="s">
        <v>17</v>
      </c>
      <c r="D124" s="27"/>
      <c r="E124" s="44">
        <v>0.1145</v>
      </c>
      <c r="F124" s="29">
        <f t="shared" si="6"/>
        <v>0</v>
      </c>
    </row>
    <row r="125" spans="1:6" x14ac:dyDescent="0.25">
      <c r="A125" s="36" t="s">
        <v>946</v>
      </c>
      <c r="B125" s="61" t="s">
        <v>27</v>
      </c>
      <c r="C125" s="38" t="s">
        <v>17</v>
      </c>
      <c r="D125" s="27"/>
      <c r="E125" s="44">
        <v>0.27</v>
      </c>
      <c r="F125" s="29">
        <f t="shared" si="6"/>
        <v>0</v>
      </c>
    </row>
    <row r="126" spans="1:6" x14ac:dyDescent="0.25">
      <c r="A126" s="36" t="s">
        <v>1171</v>
      </c>
      <c r="B126" s="61" t="s">
        <v>27</v>
      </c>
      <c r="C126" s="38" t="s">
        <v>17</v>
      </c>
      <c r="D126" s="27"/>
      <c r="E126" s="44">
        <v>0.96499999999999997</v>
      </c>
      <c r="F126" s="29">
        <f t="shared" si="6"/>
        <v>0</v>
      </c>
    </row>
    <row r="127" spans="1:6" x14ac:dyDescent="0.25">
      <c r="A127" s="36" t="s">
        <v>160</v>
      </c>
      <c r="B127" s="61" t="s">
        <v>27</v>
      </c>
      <c r="C127" s="38" t="s">
        <v>5</v>
      </c>
      <c r="D127" s="27"/>
      <c r="E127" s="44">
        <v>3.4750000000000001</v>
      </c>
      <c r="F127" s="29">
        <f t="shared" si="6"/>
        <v>0</v>
      </c>
    </row>
    <row r="128" spans="1:6" x14ac:dyDescent="0.25">
      <c r="A128" s="36" t="s">
        <v>1172</v>
      </c>
      <c r="B128" s="61" t="s">
        <v>27</v>
      </c>
      <c r="C128" s="38" t="s">
        <v>18</v>
      </c>
      <c r="D128" s="27"/>
      <c r="E128" s="44">
        <v>4</v>
      </c>
      <c r="F128" s="29">
        <f t="shared" si="6"/>
        <v>0</v>
      </c>
    </row>
    <row r="129" spans="1:6" x14ac:dyDescent="0.25">
      <c r="A129" s="36" t="s">
        <v>1175</v>
      </c>
      <c r="B129" s="61" t="s">
        <v>27</v>
      </c>
      <c r="C129" s="38" t="s">
        <v>17</v>
      </c>
      <c r="D129" s="27"/>
      <c r="E129" s="44">
        <v>1.24</v>
      </c>
      <c r="F129" s="29">
        <f t="shared" si="6"/>
        <v>0</v>
      </c>
    </row>
    <row r="130" spans="1:6" x14ac:dyDescent="0.25">
      <c r="A130" s="24" t="s">
        <v>947</v>
      </c>
      <c r="B130" s="61" t="s">
        <v>27</v>
      </c>
      <c r="C130" s="38" t="s">
        <v>17</v>
      </c>
      <c r="D130" s="27"/>
      <c r="E130" s="44">
        <v>0.47</v>
      </c>
      <c r="F130" s="29">
        <f t="shared" si="6"/>
        <v>0</v>
      </c>
    </row>
    <row r="131" spans="1:6" x14ac:dyDescent="0.25">
      <c r="A131" s="36" t="s">
        <v>1176</v>
      </c>
      <c r="B131" s="61" t="s">
        <v>27</v>
      </c>
      <c r="C131" s="38" t="s">
        <v>17</v>
      </c>
      <c r="D131" s="27"/>
      <c r="E131" s="44">
        <v>0.1</v>
      </c>
      <c r="F131" s="29">
        <f t="shared" si="6"/>
        <v>0</v>
      </c>
    </row>
    <row r="132" spans="1:6" x14ac:dyDescent="0.25">
      <c r="A132" s="36" t="s">
        <v>980</v>
      </c>
      <c r="B132" s="61" t="s">
        <v>27</v>
      </c>
      <c r="C132" s="38" t="s">
        <v>17</v>
      </c>
      <c r="D132" s="27"/>
      <c r="E132" s="44">
        <v>1.54</v>
      </c>
      <c r="F132" s="29">
        <f t="shared" si="6"/>
        <v>0</v>
      </c>
    </row>
    <row r="133" spans="1:6" x14ac:dyDescent="0.25">
      <c r="A133" s="24" t="s">
        <v>162</v>
      </c>
      <c r="B133" s="61" t="s">
        <v>27</v>
      </c>
      <c r="C133" s="38" t="s">
        <v>20</v>
      </c>
      <c r="D133" s="27"/>
      <c r="E133" s="44">
        <v>4.1500000000000004</v>
      </c>
      <c r="F133" s="29">
        <f t="shared" si="6"/>
        <v>0</v>
      </c>
    </row>
    <row r="134" spans="1:6" s="1" customFormat="1" x14ac:dyDescent="0.25">
      <c r="A134" s="36" t="s">
        <v>1173</v>
      </c>
      <c r="B134" s="61" t="s">
        <v>27</v>
      </c>
      <c r="C134" s="38" t="s">
        <v>17</v>
      </c>
      <c r="D134" s="27"/>
      <c r="E134" s="44">
        <v>3.95</v>
      </c>
      <c r="F134" s="29">
        <f t="shared" si="6"/>
        <v>0</v>
      </c>
    </row>
    <row r="135" spans="1:6" x14ac:dyDescent="0.25">
      <c r="A135" s="36" t="s">
        <v>948</v>
      </c>
      <c r="B135" s="61" t="s">
        <v>27</v>
      </c>
      <c r="C135" s="38" t="s">
        <v>16</v>
      </c>
      <c r="D135" s="27"/>
      <c r="E135" s="44">
        <v>2</v>
      </c>
      <c r="F135" s="29">
        <f t="shared" si="6"/>
        <v>0</v>
      </c>
    </row>
    <row r="136" spans="1:6" x14ac:dyDescent="0.25">
      <c r="A136" s="24" t="s">
        <v>949</v>
      </c>
      <c r="B136" s="61" t="s">
        <v>27</v>
      </c>
      <c r="C136" s="38" t="s">
        <v>17</v>
      </c>
      <c r="D136" s="27"/>
      <c r="E136" s="44">
        <v>0.2</v>
      </c>
      <c r="F136" s="29">
        <f t="shared" si="6"/>
        <v>0</v>
      </c>
    </row>
    <row r="137" spans="1:6" x14ac:dyDescent="0.25">
      <c r="A137" s="36" t="s">
        <v>950</v>
      </c>
      <c r="B137" s="61" t="s">
        <v>27</v>
      </c>
      <c r="C137" s="38" t="s">
        <v>17</v>
      </c>
      <c r="D137" s="27"/>
      <c r="E137" s="44">
        <v>0.5</v>
      </c>
      <c r="F137" s="29">
        <f t="shared" si="6"/>
        <v>0</v>
      </c>
    </row>
    <row r="138" spans="1:6" x14ac:dyDescent="0.25">
      <c r="A138" s="36" t="s">
        <v>1174</v>
      </c>
      <c r="B138" s="61" t="s">
        <v>27</v>
      </c>
      <c r="C138" s="38" t="s">
        <v>17</v>
      </c>
      <c r="D138" s="27"/>
      <c r="E138" s="44">
        <v>2.95</v>
      </c>
      <c r="F138" s="29">
        <f t="shared" si="6"/>
        <v>0</v>
      </c>
    </row>
    <row r="139" spans="1:6" x14ac:dyDescent="0.25">
      <c r="A139" s="24" t="s">
        <v>951</v>
      </c>
      <c r="B139" s="61" t="s">
        <v>27</v>
      </c>
      <c r="C139" s="38" t="s">
        <v>17</v>
      </c>
      <c r="D139" s="27"/>
      <c r="E139" s="44">
        <v>0.17899999999999999</v>
      </c>
      <c r="F139" s="29">
        <f t="shared" si="6"/>
        <v>0</v>
      </c>
    </row>
    <row r="140" spans="1:6" x14ac:dyDescent="0.25">
      <c r="A140" s="36" t="s">
        <v>1177</v>
      </c>
      <c r="B140" s="61" t="s">
        <v>27</v>
      </c>
      <c r="C140" s="38" t="s">
        <v>18</v>
      </c>
      <c r="D140" s="27"/>
      <c r="E140" s="44">
        <v>3</v>
      </c>
      <c r="F140" s="29">
        <f t="shared" si="6"/>
        <v>0</v>
      </c>
    </row>
    <row r="141" spans="1:6" x14ac:dyDescent="0.25">
      <c r="A141" s="24" t="s">
        <v>1257</v>
      </c>
      <c r="B141" s="61" t="s">
        <v>27</v>
      </c>
      <c r="C141" s="38" t="s">
        <v>18</v>
      </c>
      <c r="D141" s="27"/>
      <c r="E141" s="44">
        <v>10</v>
      </c>
      <c r="F141" s="29">
        <f t="shared" si="6"/>
        <v>0</v>
      </c>
    </row>
    <row r="142" spans="1:6" x14ac:dyDescent="0.25">
      <c r="A142" s="24" t="s">
        <v>1178</v>
      </c>
      <c r="B142" s="61" t="s">
        <v>27</v>
      </c>
      <c r="C142" s="38" t="s">
        <v>17</v>
      </c>
      <c r="D142" s="27"/>
      <c r="E142" s="44">
        <v>2.8</v>
      </c>
      <c r="F142" s="29">
        <f t="shared" si="6"/>
        <v>0</v>
      </c>
    </row>
    <row r="143" spans="1:6" x14ac:dyDescent="0.25">
      <c r="A143" s="36" t="s">
        <v>163</v>
      </c>
      <c r="B143" s="61" t="s">
        <v>27</v>
      </c>
      <c r="C143" s="38" t="s">
        <v>18</v>
      </c>
      <c r="D143" s="27"/>
      <c r="E143" s="44">
        <v>5.34</v>
      </c>
      <c r="F143" s="29">
        <f t="shared" si="6"/>
        <v>0</v>
      </c>
    </row>
    <row r="144" spans="1:6" x14ac:dyDescent="0.25">
      <c r="A144" s="36" t="s">
        <v>952</v>
      </c>
      <c r="B144" s="61" t="s">
        <v>27</v>
      </c>
      <c r="C144" s="38" t="s">
        <v>20</v>
      </c>
      <c r="D144" s="27"/>
      <c r="E144" s="44">
        <v>4.6500000000000004</v>
      </c>
      <c r="F144" s="29">
        <f t="shared" si="6"/>
        <v>0</v>
      </c>
    </row>
    <row r="145" spans="1:6" x14ac:dyDescent="0.25">
      <c r="A145" s="36" t="s">
        <v>1179</v>
      </c>
      <c r="B145" s="61" t="s">
        <v>27</v>
      </c>
      <c r="C145" s="38" t="s">
        <v>17</v>
      </c>
      <c r="D145" s="27"/>
      <c r="E145" s="44">
        <v>0.5</v>
      </c>
      <c r="F145" s="29">
        <f t="shared" si="6"/>
        <v>0</v>
      </c>
    </row>
    <row r="146" spans="1:6" x14ac:dyDescent="0.25">
      <c r="A146" s="24" t="s">
        <v>953</v>
      </c>
      <c r="B146" s="61" t="s">
        <v>27</v>
      </c>
      <c r="C146" s="38" t="s">
        <v>17</v>
      </c>
      <c r="D146" s="27"/>
      <c r="E146" s="44">
        <v>0.158</v>
      </c>
      <c r="F146" s="29">
        <f t="shared" si="6"/>
        <v>0</v>
      </c>
    </row>
    <row r="147" spans="1:6" x14ac:dyDescent="0.25">
      <c r="A147" s="36" t="s">
        <v>955</v>
      </c>
      <c r="B147" s="61" t="s">
        <v>27</v>
      </c>
      <c r="C147" s="38" t="s">
        <v>17</v>
      </c>
      <c r="D147" s="27"/>
      <c r="E147" s="44">
        <v>0.245</v>
      </c>
      <c r="F147" s="29">
        <f t="shared" si="6"/>
        <v>0</v>
      </c>
    </row>
    <row r="148" spans="1:6" x14ac:dyDescent="0.25">
      <c r="A148" s="36" t="s">
        <v>954</v>
      </c>
      <c r="B148" s="61" t="s">
        <v>27</v>
      </c>
      <c r="C148" s="38" t="s">
        <v>17</v>
      </c>
      <c r="D148" s="27"/>
      <c r="E148" s="44">
        <v>0.113</v>
      </c>
      <c r="F148" s="29">
        <f t="shared" si="6"/>
        <v>0</v>
      </c>
    </row>
    <row r="149" spans="1:6" x14ac:dyDescent="0.25">
      <c r="A149" s="36" t="s">
        <v>981</v>
      </c>
      <c r="B149" s="61" t="s">
        <v>27</v>
      </c>
      <c r="C149" s="38" t="s">
        <v>17</v>
      </c>
      <c r="D149" s="27"/>
      <c r="E149" s="44">
        <v>0.94499999999999995</v>
      </c>
      <c r="F149" s="29">
        <f t="shared" si="6"/>
        <v>0</v>
      </c>
    </row>
    <row r="150" spans="1:6" x14ac:dyDescent="0.25">
      <c r="A150" s="36" t="s">
        <v>956</v>
      </c>
      <c r="B150" s="61" t="s">
        <v>27</v>
      </c>
      <c r="C150" s="38" t="s">
        <v>18</v>
      </c>
      <c r="D150" s="27"/>
      <c r="E150" s="44">
        <v>2.4</v>
      </c>
      <c r="F150" s="29">
        <f t="shared" si="6"/>
        <v>0</v>
      </c>
    </row>
    <row r="151" spans="1:6" x14ac:dyDescent="0.25">
      <c r="A151" s="24" t="s">
        <v>957</v>
      </c>
      <c r="B151" s="61" t="s">
        <v>27</v>
      </c>
      <c r="C151" s="38" t="s">
        <v>16</v>
      </c>
      <c r="D151" s="27"/>
      <c r="E151" s="44">
        <v>0.5</v>
      </c>
      <c r="F151" s="29">
        <f t="shared" ref="F151:F182" si="7">SUM(D151*E151)</f>
        <v>0</v>
      </c>
    </row>
    <row r="152" spans="1:6" x14ac:dyDescent="0.25">
      <c r="A152" s="24" t="s">
        <v>962</v>
      </c>
      <c r="B152" s="61" t="s">
        <v>27</v>
      </c>
      <c r="C152" s="38" t="s">
        <v>17</v>
      </c>
      <c r="D152" s="27"/>
      <c r="E152" s="44">
        <v>0.255</v>
      </c>
      <c r="F152" s="29">
        <f t="shared" si="7"/>
        <v>0</v>
      </c>
    </row>
    <row r="153" spans="1:6" x14ac:dyDescent="0.25">
      <c r="A153" s="36" t="s">
        <v>960</v>
      </c>
      <c r="B153" s="61" t="s">
        <v>27</v>
      </c>
      <c r="C153" s="38" t="s">
        <v>17</v>
      </c>
      <c r="D153" s="27"/>
      <c r="E153" s="44">
        <v>0.57499999999999996</v>
      </c>
      <c r="F153" s="29">
        <f t="shared" si="7"/>
        <v>0</v>
      </c>
    </row>
    <row r="154" spans="1:6" x14ac:dyDescent="0.25">
      <c r="A154" s="55" t="s">
        <v>959</v>
      </c>
      <c r="B154" s="61" t="s">
        <v>27</v>
      </c>
      <c r="C154" s="38" t="s">
        <v>17</v>
      </c>
      <c r="D154" s="27"/>
      <c r="E154" s="44">
        <v>0.85</v>
      </c>
      <c r="F154" s="29">
        <f t="shared" si="7"/>
        <v>0</v>
      </c>
    </row>
    <row r="155" spans="1:6" x14ac:dyDescent="0.25">
      <c r="A155" s="36" t="s">
        <v>961</v>
      </c>
      <c r="B155" s="61" t="s">
        <v>27</v>
      </c>
      <c r="C155" s="38" t="s">
        <v>17</v>
      </c>
      <c r="D155" s="27"/>
      <c r="E155" s="44">
        <v>1.5</v>
      </c>
      <c r="F155" s="29">
        <f t="shared" si="7"/>
        <v>0</v>
      </c>
    </row>
    <row r="156" spans="1:6" x14ac:dyDescent="0.25">
      <c r="A156" s="36" t="s">
        <v>958</v>
      </c>
      <c r="B156" s="61" t="s">
        <v>27</v>
      </c>
      <c r="C156" s="38" t="s">
        <v>17</v>
      </c>
      <c r="D156" s="27"/>
      <c r="E156" s="44">
        <v>0.34</v>
      </c>
      <c r="F156" s="29">
        <f t="shared" si="7"/>
        <v>0</v>
      </c>
    </row>
    <row r="157" spans="1:6" x14ac:dyDescent="0.25">
      <c r="A157" s="36" t="s">
        <v>963</v>
      </c>
      <c r="B157" s="61" t="s">
        <v>27</v>
      </c>
      <c r="C157" s="38" t="s">
        <v>17</v>
      </c>
      <c r="D157" s="27"/>
      <c r="E157" s="44">
        <v>0.92</v>
      </c>
      <c r="F157" s="29">
        <f t="shared" si="7"/>
        <v>0</v>
      </c>
    </row>
    <row r="158" spans="1:6" x14ac:dyDescent="0.25">
      <c r="A158" s="36" t="s">
        <v>965</v>
      </c>
      <c r="B158" s="61" t="s">
        <v>27</v>
      </c>
      <c r="C158" s="38" t="s">
        <v>17</v>
      </c>
      <c r="D158" s="27"/>
      <c r="E158" s="44">
        <v>0.23449999999999999</v>
      </c>
      <c r="F158" s="29">
        <f t="shared" si="7"/>
        <v>0</v>
      </c>
    </row>
    <row r="159" spans="1:6" x14ac:dyDescent="0.25">
      <c r="A159" s="36" t="s">
        <v>966</v>
      </c>
      <c r="B159" s="61" t="s">
        <v>27</v>
      </c>
      <c r="C159" s="38" t="s">
        <v>17</v>
      </c>
      <c r="D159" s="27"/>
      <c r="E159" s="44">
        <v>0.28999999999999998</v>
      </c>
      <c r="F159" s="29">
        <f t="shared" si="7"/>
        <v>0</v>
      </c>
    </row>
    <row r="160" spans="1:6" x14ac:dyDescent="0.25">
      <c r="A160" s="24" t="s">
        <v>967</v>
      </c>
      <c r="B160" s="61" t="s">
        <v>27</v>
      </c>
      <c r="C160" s="38" t="s">
        <v>17</v>
      </c>
      <c r="D160" s="27"/>
      <c r="E160" s="44">
        <v>7.4999999999999997E-2</v>
      </c>
      <c r="F160" s="29">
        <f t="shared" si="7"/>
        <v>0</v>
      </c>
    </row>
    <row r="161" spans="1:6" x14ac:dyDescent="0.25">
      <c r="A161" s="36" t="s">
        <v>964</v>
      </c>
      <c r="B161" s="61" t="s">
        <v>27</v>
      </c>
      <c r="C161" s="38" t="s">
        <v>17</v>
      </c>
      <c r="D161" s="27"/>
      <c r="E161" s="44">
        <v>7.9000000000000001E-2</v>
      </c>
      <c r="F161" s="29">
        <f t="shared" si="7"/>
        <v>0</v>
      </c>
    </row>
    <row r="162" spans="1:6" x14ac:dyDescent="0.25">
      <c r="A162" s="36" t="s">
        <v>968</v>
      </c>
      <c r="B162" s="61" t="s">
        <v>27</v>
      </c>
      <c r="C162" s="38" t="s">
        <v>17</v>
      </c>
      <c r="D162" s="27"/>
      <c r="E162" s="44">
        <v>0.84</v>
      </c>
      <c r="F162" s="29">
        <f t="shared" si="7"/>
        <v>0</v>
      </c>
    </row>
    <row r="163" spans="1:6" x14ac:dyDescent="0.25">
      <c r="A163" s="24" t="s">
        <v>969</v>
      </c>
      <c r="B163" s="61" t="s">
        <v>27</v>
      </c>
      <c r="C163" s="38" t="s">
        <v>17</v>
      </c>
      <c r="D163" s="27"/>
      <c r="E163" s="44">
        <v>0.185</v>
      </c>
      <c r="F163" s="29">
        <f t="shared" si="7"/>
        <v>0</v>
      </c>
    </row>
    <row r="164" spans="1:6" x14ac:dyDescent="0.25">
      <c r="A164" s="36" t="s">
        <v>164</v>
      </c>
      <c r="B164" s="61" t="s">
        <v>27</v>
      </c>
      <c r="C164" s="38" t="s">
        <v>20</v>
      </c>
      <c r="D164" s="27"/>
      <c r="E164" s="44">
        <v>3.1</v>
      </c>
      <c r="F164" s="29">
        <f t="shared" si="7"/>
        <v>0</v>
      </c>
    </row>
    <row r="165" spans="1:6" x14ac:dyDescent="0.25">
      <c r="A165" s="36" t="s">
        <v>982</v>
      </c>
      <c r="B165" s="61" t="s">
        <v>27</v>
      </c>
      <c r="C165" s="38" t="s">
        <v>17</v>
      </c>
      <c r="D165" s="27"/>
      <c r="E165" s="44">
        <v>0.47</v>
      </c>
      <c r="F165" s="29">
        <f t="shared" si="7"/>
        <v>0</v>
      </c>
    </row>
    <row r="166" spans="1:6" x14ac:dyDescent="0.25">
      <c r="A166" s="36" t="s">
        <v>983</v>
      </c>
      <c r="B166" s="61" t="s">
        <v>27</v>
      </c>
      <c r="C166" s="38" t="s">
        <v>17</v>
      </c>
      <c r="D166" s="27"/>
      <c r="E166" s="44">
        <v>0.5</v>
      </c>
      <c r="F166" s="29">
        <f t="shared" si="7"/>
        <v>0</v>
      </c>
    </row>
    <row r="167" spans="1:6" x14ac:dyDescent="0.25">
      <c r="A167" s="36" t="s">
        <v>970</v>
      </c>
      <c r="B167" s="61" t="s">
        <v>27</v>
      </c>
      <c r="C167" s="38" t="s">
        <v>17</v>
      </c>
      <c r="D167" s="27"/>
      <c r="E167" s="44">
        <v>0.34</v>
      </c>
      <c r="F167" s="29">
        <f t="shared" si="7"/>
        <v>0</v>
      </c>
    </row>
    <row r="168" spans="1:6" x14ac:dyDescent="0.25">
      <c r="A168" s="36" t="s">
        <v>971</v>
      </c>
      <c r="B168" s="61" t="s">
        <v>27</v>
      </c>
      <c r="C168" s="38" t="s">
        <v>17</v>
      </c>
      <c r="D168" s="27"/>
      <c r="E168" s="44">
        <v>1.61</v>
      </c>
      <c r="F168" s="29">
        <f t="shared" si="7"/>
        <v>0</v>
      </c>
    </row>
    <row r="169" spans="1:6" x14ac:dyDescent="0.25">
      <c r="A169" s="36" t="s">
        <v>1180</v>
      </c>
      <c r="B169" s="61" t="s">
        <v>27</v>
      </c>
      <c r="C169" s="38" t="s">
        <v>18</v>
      </c>
      <c r="D169" s="27"/>
      <c r="E169" s="44">
        <v>5</v>
      </c>
      <c r="F169" s="29">
        <f t="shared" si="7"/>
        <v>0</v>
      </c>
    </row>
    <row r="170" spans="1:6" s="1" customFormat="1" x14ac:dyDescent="0.25">
      <c r="A170" s="36" t="s">
        <v>1182</v>
      </c>
      <c r="B170" s="61" t="s">
        <v>27</v>
      </c>
      <c r="C170" s="38" t="s">
        <v>17</v>
      </c>
      <c r="D170" s="27"/>
      <c r="E170" s="44">
        <v>2.5</v>
      </c>
      <c r="F170" s="29">
        <f t="shared" si="7"/>
        <v>0</v>
      </c>
    </row>
    <row r="171" spans="1:6" x14ac:dyDescent="0.25">
      <c r="A171" s="36" t="s">
        <v>972</v>
      </c>
      <c r="B171" s="61" t="s">
        <v>27</v>
      </c>
      <c r="C171" s="38" t="s">
        <v>17</v>
      </c>
      <c r="D171" s="27"/>
      <c r="E171" s="44">
        <v>0.63500000000000001</v>
      </c>
      <c r="F171" s="29">
        <f t="shared" si="7"/>
        <v>0</v>
      </c>
    </row>
    <row r="172" spans="1:6" x14ac:dyDescent="0.25">
      <c r="A172" s="36" t="s">
        <v>973</v>
      </c>
      <c r="B172" s="61" t="s">
        <v>27</v>
      </c>
      <c r="C172" s="38" t="s">
        <v>17</v>
      </c>
      <c r="D172" s="27"/>
      <c r="E172" s="44">
        <v>0.63</v>
      </c>
      <c r="F172" s="29">
        <f t="shared" si="7"/>
        <v>0</v>
      </c>
    </row>
    <row r="173" spans="1:6" x14ac:dyDescent="0.25">
      <c r="A173" s="36" t="s">
        <v>984</v>
      </c>
      <c r="B173" s="61" t="s">
        <v>27</v>
      </c>
      <c r="C173" s="38" t="s">
        <v>17</v>
      </c>
      <c r="D173" s="27"/>
      <c r="E173" s="44">
        <v>0.5</v>
      </c>
      <c r="F173" s="29">
        <f t="shared" si="7"/>
        <v>0</v>
      </c>
    </row>
    <row r="174" spans="1:6" x14ac:dyDescent="0.25">
      <c r="A174" s="36" t="s">
        <v>985</v>
      </c>
      <c r="B174" s="61" t="s">
        <v>27</v>
      </c>
      <c r="C174" s="38" t="s">
        <v>17</v>
      </c>
      <c r="D174" s="27"/>
      <c r="E174" s="44">
        <v>1</v>
      </c>
      <c r="F174" s="29">
        <f t="shared" si="7"/>
        <v>0</v>
      </c>
    </row>
    <row r="175" spans="1:6" s="1" customFormat="1" x14ac:dyDescent="0.25">
      <c r="A175" s="36" t="s">
        <v>140</v>
      </c>
      <c r="B175" s="61" t="s">
        <v>27</v>
      </c>
      <c r="C175" s="38" t="s">
        <v>17</v>
      </c>
      <c r="D175" s="27"/>
      <c r="E175" s="44">
        <v>4</v>
      </c>
      <c r="F175" s="29">
        <f t="shared" si="7"/>
        <v>0</v>
      </c>
    </row>
    <row r="176" spans="1:6" x14ac:dyDescent="0.25">
      <c r="A176" s="36" t="s">
        <v>986</v>
      </c>
      <c r="B176" s="61" t="s">
        <v>27</v>
      </c>
      <c r="C176" s="38" t="s">
        <v>17</v>
      </c>
      <c r="D176" s="27"/>
      <c r="E176" s="44">
        <v>0.16</v>
      </c>
      <c r="F176" s="29">
        <f t="shared" si="7"/>
        <v>0</v>
      </c>
    </row>
    <row r="177" spans="1:6" x14ac:dyDescent="0.25">
      <c r="A177" s="24" t="s">
        <v>974</v>
      </c>
      <c r="B177" s="61" t="s">
        <v>27</v>
      </c>
      <c r="C177" s="38" t="s">
        <v>17</v>
      </c>
      <c r="D177" s="27"/>
      <c r="E177" s="44">
        <v>2</v>
      </c>
      <c r="F177" s="29">
        <f t="shared" si="7"/>
        <v>0</v>
      </c>
    </row>
    <row r="178" spans="1:6" x14ac:dyDescent="0.25">
      <c r="A178" s="36" t="s">
        <v>976</v>
      </c>
      <c r="B178" s="61" t="s">
        <v>27</v>
      </c>
      <c r="C178" s="38" t="s">
        <v>17</v>
      </c>
      <c r="D178" s="27"/>
      <c r="E178" s="44">
        <v>2</v>
      </c>
      <c r="F178" s="29">
        <f t="shared" si="7"/>
        <v>0</v>
      </c>
    </row>
    <row r="179" spans="1:6" x14ac:dyDescent="0.25">
      <c r="A179" s="36" t="s">
        <v>987</v>
      </c>
      <c r="B179" s="61" t="s">
        <v>27</v>
      </c>
      <c r="C179" s="38" t="s">
        <v>17</v>
      </c>
      <c r="D179" s="27"/>
      <c r="E179" s="44">
        <v>0.4</v>
      </c>
      <c r="F179" s="29">
        <f t="shared" si="7"/>
        <v>0</v>
      </c>
    </row>
    <row r="180" spans="1:6" x14ac:dyDescent="0.25">
      <c r="A180" s="24" t="s">
        <v>975</v>
      </c>
      <c r="B180" s="61" t="s">
        <v>27</v>
      </c>
      <c r="C180" s="38" t="s">
        <v>17</v>
      </c>
      <c r="D180" s="27"/>
      <c r="E180" s="44">
        <v>0.11749999999999999</v>
      </c>
      <c r="F180" s="29">
        <f t="shared" si="7"/>
        <v>0</v>
      </c>
    </row>
    <row r="181" spans="1:6" x14ac:dyDescent="0.25">
      <c r="A181" s="36" t="s">
        <v>977</v>
      </c>
      <c r="B181" s="61" t="s">
        <v>27</v>
      </c>
      <c r="C181" s="38" t="s">
        <v>17</v>
      </c>
      <c r="D181" s="27"/>
      <c r="E181" s="44">
        <v>1</v>
      </c>
      <c r="F181" s="29">
        <f t="shared" si="7"/>
        <v>0</v>
      </c>
    </row>
    <row r="182" spans="1:6" x14ac:dyDescent="0.25">
      <c r="A182" s="24" t="s">
        <v>978</v>
      </c>
      <c r="B182" s="61" t="s">
        <v>27</v>
      </c>
      <c r="C182" s="38" t="s">
        <v>17</v>
      </c>
      <c r="D182" s="27"/>
      <c r="E182" s="44">
        <v>1</v>
      </c>
      <c r="F182" s="29">
        <f t="shared" si="7"/>
        <v>0</v>
      </c>
    </row>
    <row r="183" spans="1:6" x14ac:dyDescent="0.25">
      <c r="A183" s="36" t="s">
        <v>988</v>
      </c>
      <c r="B183" s="61" t="s">
        <v>27</v>
      </c>
      <c r="C183" s="38" t="s">
        <v>17</v>
      </c>
      <c r="D183" s="27"/>
      <c r="E183" s="44">
        <v>0.16</v>
      </c>
      <c r="F183" s="29">
        <f t="shared" ref="F183:F186" si="8">SUM(D183*E183)</f>
        <v>0</v>
      </c>
    </row>
    <row r="184" spans="1:6" x14ac:dyDescent="0.25">
      <c r="A184" s="36" t="s">
        <v>979</v>
      </c>
      <c r="B184" s="61" t="s">
        <v>27</v>
      </c>
      <c r="C184" s="38" t="s">
        <v>28</v>
      </c>
      <c r="D184" s="27"/>
      <c r="E184" s="44">
        <v>5</v>
      </c>
      <c r="F184" s="29">
        <f t="shared" si="8"/>
        <v>0</v>
      </c>
    </row>
    <row r="185" spans="1:6" x14ac:dyDescent="0.25">
      <c r="A185" s="36" t="s">
        <v>989</v>
      </c>
      <c r="B185" s="61" t="s">
        <v>27</v>
      </c>
      <c r="C185" s="38" t="s">
        <v>17</v>
      </c>
      <c r="D185" s="27"/>
      <c r="E185" s="44">
        <v>3</v>
      </c>
      <c r="F185" s="29">
        <f t="shared" si="8"/>
        <v>0</v>
      </c>
    </row>
    <row r="186" spans="1:6" x14ac:dyDescent="0.25">
      <c r="A186" s="36" t="s">
        <v>1181</v>
      </c>
      <c r="B186" s="61" t="s">
        <v>27</v>
      </c>
      <c r="C186" s="38" t="s">
        <v>17</v>
      </c>
      <c r="D186" s="27"/>
      <c r="E186" s="44">
        <v>0.3695</v>
      </c>
      <c r="F186" s="29">
        <f t="shared" si="8"/>
        <v>0</v>
      </c>
    </row>
    <row r="187" spans="1:6" x14ac:dyDescent="0.25">
      <c r="A187" s="36" t="s">
        <v>158</v>
      </c>
      <c r="B187" s="61"/>
      <c r="C187" s="38"/>
      <c r="D187" s="27"/>
      <c r="E187" s="44"/>
      <c r="F187" s="29">
        <f t="shared" ref="F187:F200" si="9">SUM(D187*E187)</f>
        <v>0</v>
      </c>
    </row>
    <row r="188" spans="1:6" x14ac:dyDescent="0.25">
      <c r="A188" s="53" t="s">
        <v>29</v>
      </c>
      <c r="B188" s="61"/>
      <c r="C188" s="38"/>
      <c r="D188" s="27"/>
      <c r="E188" s="44"/>
      <c r="F188" s="29">
        <f t="shared" si="9"/>
        <v>0</v>
      </c>
    </row>
    <row r="189" spans="1:6" x14ac:dyDescent="0.25">
      <c r="A189" s="36" t="s">
        <v>1277</v>
      </c>
      <c r="B189" s="61" t="s">
        <v>30</v>
      </c>
      <c r="C189" s="38" t="s">
        <v>17</v>
      </c>
      <c r="D189" s="27"/>
      <c r="E189" s="44">
        <v>0.39679999999999999</v>
      </c>
      <c r="F189" s="29">
        <f t="shared" ref="F189:F198" si="10">SUM(D189*E189)</f>
        <v>0</v>
      </c>
    </row>
    <row r="190" spans="1:6" x14ac:dyDescent="0.25">
      <c r="A190" s="36" t="s">
        <v>1278</v>
      </c>
      <c r="B190" s="61" t="s">
        <v>30</v>
      </c>
      <c r="C190" s="38" t="s">
        <v>17</v>
      </c>
      <c r="D190" s="27"/>
      <c r="E190" s="44">
        <v>0.18990000000000001</v>
      </c>
      <c r="F190" s="29">
        <f t="shared" si="10"/>
        <v>0</v>
      </c>
    </row>
    <row r="191" spans="1:6" x14ac:dyDescent="0.25">
      <c r="A191" s="36" t="s">
        <v>1279</v>
      </c>
      <c r="B191" s="61" t="s">
        <v>30</v>
      </c>
      <c r="C191" s="38" t="s">
        <v>17</v>
      </c>
      <c r="D191" s="27"/>
      <c r="E191" s="44">
        <v>0.13489999999999999</v>
      </c>
      <c r="F191" s="29">
        <f t="shared" si="10"/>
        <v>0</v>
      </c>
    </row>
    <row r="192" spans="1:6" x14ac:dyDescent="0.25">
      <c r="A192" s="36" t="s">
        <v>1270</v>
      </c>
      <c r="B192" s="61" t="s">
        <v>30</v>
      </c>
      <c r="C192" s="38" t="s">
        <v>18</v>
      </c>
      <c r="D192" s="27"/>
      <c r="E192" s="44">
        <v>1.44</v>
      </c>
      <c r="F192" s="29">
        <f t="shared" si="10"/>
        <v>0</v>
      </c>
    </row>
    <row r="193" spans="1:6" x14ac:dyDescent="0.25">
      <c r="A193" s="36" t="s">
        <v>1271</v>
      </c>
      <c r="B193" s="61" t="s">
        <v>30</v>
      </c>
      <c r="C193" s="38" t="s">
        <v>18</v>
      </c>
      <c r="D193" s="27"/>
      <c r="E193" s="44">
        <v>1.879</v>
      </c>
      <c r="F193" s="29">
        <f t="shared" si="10"/>
        <v>0</v>
      </c>
    </row>
    <row r="194" spans="1:6" x14ac:dyDescent="0.25">
      <c r="A194" s="36" t="s">
        <v>1272</v>
      </c>
      <c r="B194" s="61" t="s">
        <v>30</v>
      </c>
      <c r="C194" s="38" t="s">
        <v>18</v>
      </c>
      <c r="D194" s="27"/>
      <c r="E194" s="44">
        <v>2.31</v>
      </c>
      <c r="F194" s="29">
        <f t="shared" si="10"/>
        <v>0</v>
      </c>
    </row>
    <row r="195" spans="1:6" x14ac:dyDescent="0.25">
      <c r="A195" s="36" t="s">
        <v>1273</v>
      </c>
      <c r="B195" s="61" t="s">
        <v>30</v>
      </c>
      <c r="C195" s="38" t="s">
        <v>18</v>
      </c>
      <c r="D195" s="27"/>
      <c r="E195" s="44">
        <v>1.486</v>
      </c>
      <c r="F195" s="29">
        <f t="shared" si="10"/>
        <v>0</v>
      </c>
    </row>
    <row r="196" spans="1:6" x14ac:dyDescent="0.25">
      <c r="A196" s="36" t="s">
        <v>1274</v>
      </c>
      <c r="B196" s="61" t="s">
        <v>30</v>
      </c>
      <c r="C196" s="38" t="s">
        <v>18</v>
      </c>
      <c r="D196" s="27"/>
      <c r="E196" s="44">
        <v>2.0099999999999998</v>
      </c>
      <c r="F196" s="29">
        <f t="shared" si="10"/>
        <v>0</v>
      </c>
    </row>
    <row r="197" spans="1:6" x14ac:dyDescent="0.25">
      <c r="A197" s="36" t="s">
        <v>1275</v>
      </c>
      <c r="B197" s="61" t="s">
        <v>30</v>
      </c>
      <c r="C197" s="38" t="s">
        <v>18</v>
      </c>
      <c r="D197" s="27"/>
      <c r="E197" s="44">
        <v>2.4500000000000002</v>
      </c>
      <c r="F197" s="29">
        <f t="shared" si="10"/>
        <v>0</v>
      </c>
    </row>
    <row r="198" spans="1:6" x14ac:dyDescent="0.25">
      <c r="A198" s="36" t="s">
        <v>1276</v>
      </c>
      <c r="B198" s="61" t="s">
        <v>30</v>
      </c>
      <c r="C198" s="38" t="s">
        <v>18</v>
      </c>
      <c r="D198" s="27"/>
      <c r="E198" s="44">
        <v>2.62</v>
      </c>
      <c r="F198" s="29">
        <f t="shared" si="10"/>
        <v>0</v>
      </c>
    </row>
    <row r="199" spans="1:6" x14ac:dyDescent="0.25">
      <c r="A199" s="36" t="s">
        <v>158</v>
      </c>
      <c r="B199" s="61"/>
      <c r="C199" s="38"/>
      <c r="D199" s="27"/>
      <c r="E199" s="44"/>
      <c r="F199" s="29">
        <f t="shared" si="9"/>
        <v>0</v>
      </c>
    </row>
    <row r="200" spans="1:6" x14ac:dyDescent="0.25">
      <c r="A200" s="53" t="s">
        <v>31</v>
      </c>
      <c r="B200" s="61"/>
      <c r="C200" s="38"/>
      <c r="D200" s="27"/>
      <c r="E200" s="44"/>
      <c r="F200" s="29">
        <f t="shared" si="9"/>
        <v>0</v>
      </c>
    </row>
    <row r="201" spans="1:6" x14ac:dyDescent="0.25">
      <c r="A201" s="36" t="s">
        <v>1415</v>
      </c>
      <c r="B201" s="61" t="s">
        <v>32</v>
      </c>
      <c r="C201" s="38" t="s">
        <v>18</v>
      </c>
      <c r="D201" s="27"/>
      <c r="E201" s="44">
        <v>3.28</v>
      </c>
      <c r="F201" s="29">
        <f t="shared" ref="F201:F232" si="11">SUM(D201*E201)</f>
        <v>0</v>
      </c>
    </row>
    <row r="202" spans="1:6" x14ac:dyDescent="0.25">
      <c r="A202" s="36" t="s">
        <v>1416</v>
      </c>
      <c r="B202" s="61" t="s">
        <v>32</v>
      </c>
      <c r="C202" s="38" t="s">
        <v>18</v>
      </c>
      <c r="D202" s="27"/>
      <c r="E202" s="44">
        <v>6.5</v>
      </c>
      <c r="F202" s="29">
        <f t="shared" si="11"/>
        <v>0</v>
      </c>
    </row>
    <row r="203" spans="1:6" x14ac:dyDescent="0.25">
      <c r="A203" s="36" t="s">
        <v>1417</v>
      </c>
      <c r="B203" s="61" t="s">
        <v>32</v>
      </c>
      <c r="C203" s="38" t="s">
        <v>17</v>
      </c>
      <c r="D203" s="27"/>
      <c r="E203" s="44">
        <v>0.5</v>
      </c>
      <c r="F203" s="29">
        <f t="shared" si="11"/>
        <v>0</v>
      </c>
    </row>
    <row r="204" spans="1:6" x14ac:dyDescent="0.25">
      <c r="A204" s="36" t="s">
        <v>1368</v>
      </c>
      <c r="B204" s="61" t="s">
        <v>32</v>
      </c>
      <c r="C204" s="38" t="s">
        <v>16</v>
      </c>
      <c r="D204" s="27"/>
      <c r="E204" s="44">
        <v>10</v>
      </c>
      <c r="F204" s="29">
        <f t="shared" si="11"/>
        <v>0</v>
      </c>
    </row>
    <row r="205" spans="1:6" x14ac:dyDescent="0.25">
      <c r="A205" s="36" t="s">
        <v>1369</v>
      </c>
      <c r="B205" s="61" t="s">
        <v>32</v>
      </c>
      <c r="C205" s="38" t="s">
        <v>16</v>
      </c>
      <c r="D205" s="27"/>
      <c r="E205" s="44">
        <v>2.5</v>
      </c>
      <c r="F205" s="29">
        <f t="shared" si="11"/>
        <v>0</v>
      </c>
    </row>
    <row r="206" spans="1:6" x14ac:dyDescent="0.25">
      <c r="A206" s="36" t="s">
        <v>1370</v>
      </c>
      <c r="B206" s="61" t="s">
        <v>32</v>
      </c>
      <c r="C206" s="38" t="s">
        <v>16</v>
      </c>
      <c r="D206" s="27"/>
      <c r="E206" s="44">
        <v>3</v>
      </c>
      <c r="F206" s="29">
        <f t="shared" si="11"/>
        <v>0</v>
      </c>
    </row>
    <row r="207" spans="1:6" x14ac:dyDescent="0.25">
      <c r="A207" s="36" t="s">
        <v>1399</v>
      </c>
      <c r="B207" s="61" t="s">
        <v>32</v>
      </c>
      <c r="C207" s="38" t="s">
        <v>17</v>
      </c>
      <c r="D207" s="27"/>
      <c r="E207" s="44">
        <v>0.35</v>
      </c>
      <c r="F207" s="29">
        <f t="shared" si="11"/>
        <v>0</v>
      </c>
    </row>
    <row r="208" spans="1:6" x14ac:dyDescent="0.25">
      <c r="A208" s="36" t="s">
        <v>1388</v>
      </c>
      <c r="B208" s="61" t="s">
        <v>32</v>
      </c>
      <c r="C208" s="38" t="s">
        <v>17</v>
      </c>
      <c r="D208" s="27"/>
      <c r="E208" s="44">
        <v>0.75</v>
      </c>
      <c r="F208" s="29">
        <f t="shared" si="11"/>
        <v>0</v>
      </c>
    </row>
    <row r="209" spans="1:6" x14ac:dyDescent="0.25">
      <c r="A209" s="36" t="s">
        <v>1372</v>
      </c>
      <c r="B209" s="61" t="s">
        <v>32</v>
      </c>
      <c r="C209" s="38" t="s">
        <v>17</v>
      </c>
      <c r="D209" s="27"/>
      <c r="E209" s="44">
        <v>4.4999999999999998E-2</v>
      </c>
      <c r="F209" s="29">
        <f t="shared" si="11"/>
        <v>0</v>
      </c>
    </row>
    <row r="210" spans="1:6" x14ac:dyDescent="0.25">
      <c r="A210" s="36" t="s">
        <v>1371</v>
      </c>
      <c r="B210" s="61" t="s">
        <v>32</v>
      </c>
      <c r="C210" s="38" t="s">
        <v>17</v>
      </c>
      <c r="D210" s="27"/>
      <c r="E210" s="44">
        <v>8.5000000000000006E-2</v>
      </c>
      <c r="F210" s="29">
        <f t="shared" si="11"/>
        <v>0</v>
      </c>
    </row>
    <row r="211" spans="1:6" x14ac:dyDescent="0.25">
      <c r="A211" s="36" t="s">
        <v>165</v>
      </c>
      <c r="B211" s="61" t="s">
        <v>32</v>
      </c>
      <c r="C211" s="38" t="s">
        <v>18</v>
      </c>
      <c r="D211" s="27"/>
      <c r="E211" s="44">
        <v>4.4000000000000004</v>
      </c>
      <c r="F211" s="29">
        <f t="shared" si="11"/>
        <v>0</v>
      </c>
    </row>
    <row r="212" spans="1:6" x14ac:dyDescent="0.25">
      <c r="A212" s="36" t="s">
        <v>1373</v>
      </c>
      <c r="B212" s="61" t="s">
        <v>32</v>
      </c>
      <c r="C212" s="38" t="s">
        <v>17</v>
      </c>
      <c r="D212" s="27"/>
      <c r="E212" s="44">
        <v>0.34899999999999998</v>
      </c>
      <c r="F212" s="29">
        <f t="shared" si="11"/>
        <v>0</v>
      </c>
    </row>
    <row r="213" spans="1:6" x14ac:dyDescent="0.25">
      <c r="A213" s="36" t="s">
        <v>1409</v>
      </c>
      <c r="B213" s="61" t="s">
        <v>32</v>
      </c>
      <c r="C213" s="38" t="s">
        <v>17</v>
      </c>
      <c r="D213" s="27"/>
      <c r="E213" s="44">
        <v>3.4000000000000002E-2</v>
      </c>
      <c r="F213" s="29">
        <f t="shared" si="11"/>
        <v>0</v>
      </c>
    </row>
    <row r="214" spans="1:6" x14ac:dyDescent="0.25">
      <c r="A214" s="36" t="s">
        <v>1397</v>
      </c>
      <c r="B214" s="61" t="s">
        <v>32</v>
      </c>
      <c r="C214" s="38" t="s">
        <v>16</v>
      </c>
      <c r="D214" s="27"/>
      <c r="E214" s="44">
        <v>0.72799999999999998</v>
      </c>
      <c r="F214" s="29">
        <f t="shared" si="11"/>
        <v>0</v>
      </c>
    </row>
    <row r="215" spans="1:6" x14ac:dyDescent="0.25">
      <c r="A215" s="36" t="s">
        <v>1410</v>
      </c>
      <c r="B215" s="61" t="s">
        <v>32</v>
      </c>
      <c r="C215" s="38" t="s">
        <v>18</v>
      </c>
      <c r="D215" s="27"/>
      <c r="E215" s="44">
        <v>2.5</v>
      </c>
      <c r="F215" s="29">
        <f t="shared" si="11"/>
        <v>0</v>
      </c>
    </row>
    <row r="216" spans="1:6" x14ac:dyDescent="0.25">
      <c r="A216" s="36" t="s">
        <v>1411</v>
      </c>
      <c r="B216" s="61" t="s">
        <v>32</v>
      </c>
      <c r="C216" s="38" t="s">
        <v>16</v>
      </c>
      <c r="D216" s="27"/>
      <c r="E216" s="44">
        <v>0.47</v>
      </c>
      <c r="F216" s="29">
        <f t="shared" si="11"/>
        <v>0</v>
      </c>
    </row>
    <row r="217" spans="1:6" x14ac:dyDescent="0.25">
      <c r="A217" s="36" t="s">
        <v>1395</v>
      </c>
      <c r="B217" s="61" t="s">
        <v>32</v>
      </c>
      <c r="C217" s="38" t="s">
        <v>18</v>
      </c>
      <c r="D217" s="27"/>
      <c r="E217" s="44">
        <v>0.8</v>
      </c>
      <c r="F217" s="29">
        <f t="shared" si="11"/>
        <v>0</v>
      </c>
    </row>
    <row r="218" spans="1:6" x14ac:dyDescent="0.25">
      <c r="A218" s="36" t="s">
        <v>1412</v>
      </c>
      <c r="B218" s="61" t="s">
        <v>32</v>
      </c>
      <c r="C218" s="38" t="s">
        <v>17</v>
      </c>
      <c r="D218" s="27"/>
      <c r="E218" s="44">
        <v>0.35</v>
      </c>
      <c r="F218" s="29">
        <f t="shared" si="11"/>
        <v>0</v>
      </c>
    </row>
    <row r="219" spans="1:6" x14ac:dyDescent="0.25">
      <c r="A219" s="36" t="s">
        <v>1413</v>
      </c>
      <c r="B219" s="61" t="s">
        <v>32</v>
      </c>
      <c r="C219" s="38" t="s">
        <v>17</v>
      </c>
      <c r="D219" s="27"/>
      <c r="E219" s="44">
        <v>0.2</v>
      </c>
      <c r="F219" s="29">
        <f t="shared" si="11"/>
        <v>0</v>
      </c>
    </row>
    <row r="220" spans="1:6" x14ac:dyDescent="0.25">
      <c r="A220" s="36" t="s">
        <v>1374</v>
      </c>
      <c r="B220" s="61" t="s">
        <v>32</v>
      </c>
      <c r="C220" s="38" t="s">
        <v>17</v>
      </c>
      <c r="D220" s="27"/>
      <c r="E220" s="44">
        <v>0.06</v>
      </c>
      <c r="F220" s="29">
        <f t="shared" si="11"/>
        <v>0</v>
      </c>
    </row>
    <row r="221" spans="1:6" x14ac:dyDescent="0.25">
      <c r="A221" s="24" t="s">
        <v>1375</v>
      </c>
      <c r="B221" s="61" t="s">
        <v>32</v>
      </c>
      <c r="C221" s="38" t="s">
        <v>17</v>
      </c>
      <c r="D221" s="27"/>
      <c r="E221" s="44">
        <v>5.7000000000000002E-2</v>
      </c>
      <c r="F221" s="29">
        <f t="shared" si="11"/>
        <v>0</v>
      </c>
    </row>
    <row r="222" spans="1:6" x14ac:dyDescent="0.25">
      <c r="A222" s="36" t="s">
        <v>1376</v>
      </c>
      <c r="B222" s="61" t="s">
        <v>32</v>
      </c>
      <c r="C222" s="38" t="s">
        <v>17</v>
      </c>
      <c r="D222" s="27"/>
      <c r="E222" s="44">
        <v>0.14199999999999999</v>
      </c>
      <c r="F222" s="29">
        <f t="shared" si="11"/>
        <v>0</v>
      </c>
    </row>
    <row r="223" spans="1:6" x14ac:dyDescent="0.25">
      <c r="A223" s="36" t="s">
        <v>1389</v>
      </c>
      <c r="B223" s="61" t="s">
        <v>32</v>
      </c>
      <c r="C223" s="38" t="s">
        <v>18</v>
      </c>
      <c r="D223" s="27"/>
      <c r="E223" s="44">
        <v>2.2999999999999998</v>
      </c>
      <c r="F223" s="29">
        <f t="shared" si="11"/>
        <v>0</v>
      </c>
    </row>
    <row r="224" spans="1:6" x14ac:dyDescent="0.25">
      <c r="A224" s="36" t="s">
        <v>1377</v>
      </c>
      <c r="B224" s="61" t="s">
        <v>32</v>
      </c>
      <c r="C224" s="38" t="s">
        <v>16</v>
      </c>
      <c r="D224" s="27"/>
      <c r="E224" s="44">
        <v>2.4</v>
      </c>
      <c r="F224" s="29">
        <f t="shared" si="11"/>
        <v>0</v>
      </c>
    </row>
    <row r="225" spans="1:6" x14ac:dyDescent="0.25">
      <c r="A225" s="36" t="s">
        <v>1378</v>
      </c>
      <c r="B225" s="61" t="s">
        <v>32</v>
      </c>
      <c r="C225" s="38" t="s">
        <v>20</v>
      </c>
      <c r="D225" s="27"/>
      <c r="E225" s="44">
        <v>4.8899999999999997</v>
      </c>
      <c r="F225" s="29">
        <f t="shared" si="11"/>
        <v>0</v>
      </c>
    </row>
    <row r="226" spans="1:6" x14ac:dyDescent="0.25">
      <c r="A226" s="36" t="s">
        <v>1379</v>
      </c>
      <c r="B226" s="61" t="s">
        <v>32</v>
      </c>
      <c r="C226" s="38" t="s">
        <v>18</v>
      </c>
      <c r="D226" s="27"/>
      <c r="E226" s="44">
        <v>1.68</v>
      </c>
      <c r="F226" s="29">
        <f t="shared" si="11"/>
        <v>0</v>
      </c>
    </row>
    <row r="227" spans="1:6" x14ac:dyDescent="0.25">
      <c r="A227" s="36" t="s">
        <v>1380</v>
      </c>
      <c r="B227" s="61" t="s">
        <v>32</v>
      </c>
      <c r="C227" s="38" t="s">
        <v>17</v>
      </c>
      <c r="D227" s="27"/>
      <c r="E227" s="44">
        <v>0.12</v>
      </c>
      <c r="F227" s="29">
        <f t="shared" si="11"/>
        <v>0</v>
      </c>
    </row>
    <row r="228" spans="1:6" x14ac:dyDescent="0.25">
      <c r="A228" s="24" t="s">
        <v>1381</v>
      </c>
      <c r="B228" s="61" t="s">
        <v>32</v>
      </c>
      <c r="C228" s="38" t="s">
        <v>18</v>
      </c>
      <c r="D228" s="27"/>
      <c r="E228" s="44">
        <v>1.05</v>
      </c>
      <c r="F228" s="29">
        <f t="shared" si="11"/>
        <v>0</v>
      </c>
    </row>
    <row r="229" spans="1:6" x14ac:dyDescent="0.25">
      <c r="A229" s="36" t="s">
        <v>1400</v>
      </c>
      <c r="B229" s="61" t="s">
        <v>32</v>
      </c>
      <c r="C229" s="38" t="s">
        <v>18</v>
      </c>
      <c r="D229" s="27"/>
      <c r="E229" s="44">
        <v>0.64</v>
      </c>
      <c r="F229" s="29">
        <f t="shared" si="11"/>
        <v>0</v>
      </c>
    </row>
    <row r="230" spans="1:6" x14ac:dyDescent="0.25">
      <c r="A230" s="36" t="s">
        <v>1414</v>
      </c>
      <c r="B230" s="61" t="s">
        <v>32</v>
      </c>
      <c r="C230" s="38" t="s">
        <v>20</v>
      </c>
      <c r="D230" s="27"/>
      <c r="E230" s="44">
        <v>1.7689999999999999</v>
      </c>
      <c r="F230" s="29">
        <f t="shared" si="11"/>
        <v>0</v>
      </c>
    </row>
    <row r="231" spans="1:6" x14ac:dyDescent="0.25">
      <c r="A231" s="36" t="s">
        <v>1401</v>
      </c>
      <c r="B231" s="61" t="s">
        <v>32</v>
      </c>
      <c r="C231" s="38" t="s">
        <v>20</v>
      </c>
      <c r="D231" s="27"/>
      <c r="E231" s="44">
        <v>0.94899999999999995</v>
      </c>
      <c r="F231" s="29">
        <f t="shared" si="11"/>
        <v>0</v>
      </c>
    </row>
    <row r="232" spans="1:6" x14ac:dyDescent="0.25">
      <c r="A232" s="36" t="s">
        <v>1402</v>
      </c>
      <c r="B232" s="61" t="s">
        <v>32</v>
      </c>
      <c r="C232" s="38" t="s">
        <v>18</v>
      </c>
      <c r="D232" s="27"/>
      <c r="E232" s="44">
        <v>1.28</v>
      </c>
      <c r="F232" s="29">
        <f t="shared" si="11"/>
        <v>0</v>
      </c>
    </row>
    <row r="233" spans="1:6" x14ac:dyDescent="0.25">
      <c r="A233" s="36" t="s">
        <v>1403</v>
      </c>
      <c r="B233" s="61" t="s">
        <v>32</v>
      </c>
      <c r="C233" s="38" t="s">
        <v>18</v>
      </c>
      <c r="D233" s="27"/>
      <c r="E233" s="44">
        <v>18.66</v>
      </c>
      <c r="F233" s="29">
        <f t="shared" ref="F233:F253" si="12">SUM(D233*E233)</f>
        <v>0</v>
      </c>
    </row>
    <row r="234" spans="1:6" x14ac:dyDescent="0.25">
      <c r="A234" s="36" t="s">
        <v>1404</v>
      </c>
      <c r="B234" s="61" t="s">
        <v>32</v>
      </c>
      <c r="C234" s="38" t="s">
        <v>17</v>
      </c>
      <c r="D234" s="27"/>
      <c r="E234" s="44">
        <v>0.24</v>
      </c>
      <c r="F234" s="29">
        <f t="shared" si="12"/>
        <v>0</v>
      </c>
    </row>
    <row r="235" spans="1:6" x14ac:dyDescent="0.25">
      <c r="A235" s="36" t="s">
        <v>1405</v>
      </c>
      <c r="B235" s="61" t="s">
        <v>32</v>
      </c>
      <c r="C235" s="38" t="s">
        <v>16</v>
      </c>
      <c r="D235" s="27"/>
      <c r="E235" s="44">
        <v>4.9000000000000004</v>
      </c>
      <c r="F235" s="29">
        <f t="shared" si="12"/>
        <v>0</v>
      </c>
    </row>
    <row r="236" spans="1:6" x14ac:dyDescent="0.25">
      <c r="A236" s="36" t="s">
        <v>1406</v>
      </c>
      <c r="B236" s="61" t="s">
        <v>32</v>
      </c>
      <c r="C236" s="38" t="s">
        <v>17</v>
      </c>
      <c r="D236" s="27"/>
      <c r="E236" s="44">
        <v>1.19</v>
      </c>
      <c r="F236" s="29">
        <f t="shared" si="12"/>
        <v>0</v>
      </c>
    </row>
    <row r="237" spans="1:6" x14ac:dyDescent="0.25">
      <c r="A237" s="36" t="s">
        <v>1407</v>
      </c>
      <c r="B237" s="61" t="s">
        <v>32</v>
      </c>
      <c r="C237" s="38" t="s">
        <v>16</v>
      </c>
      <c r="D237" s="27"/>
      <c r="E237" s="44">
        <v>0.69</v>
      </c>
      <c r="F237" s="29">
        <f t="shared" si="12"/>
        <v>0</v>
      </c>
    </row>
    <row r="238" spans="1:6" x14ac:dyDescent="0.25">
      <c r="A238" s="24" t="s">
        <v>1408</v>
      </c>
      <c r="B238" s="61" t="s">
        <v>32</v>
      </c>
      <c r="C238" s="38" t="s">
        <v>17</v>
      </c>
      <c r="D238" s="27"/>
      <c r="E238" s="44">
        <v>6.2E-2</v>
      </c>
      <c r="F238" s="29">
        <f t="shared" si="12"/>
        <v>0</v>
      </c>
    </row>
    <row r="239" spans="1:6" x14ac:dyDescent="0.25">
      <c r="A239" s="24" t="s">
        <v>1383</v>
      </c>
      <c r="B239" s="61" t="s">
        <v>32</v>
      </c>
      <c r="C239" s="38" t="s">
        <v>18</v>
      </c>
      <c r="D239" s="27"/>
      <c r="E239" s="44">
        <v>2.37</v>
      </c>
      <c r="F239" s="29">
        <f t="shared" si="12"/>
        <v>0</v>
      </c>
    </row>
    <row r="240" spans="1:6" x14ac:dyDescent="0.25">
      <c r="A240" s="36" t="s">
        <v>1382</v>
      </c>
      <c r="B240" s="61" t="s">
        <v>32</v>
      </c>
      <c r="C240" s="38" t="s">
        <v>18</v>
      </c>
      <c r="D240" s="27"/>
      <c r="E240" s="44">
        <v>1.2250000000000001</v>
      </c>
      <c r="F240" s="29">
        <f t="shared" si="12"/>
        <v>0</v>
      </c>
    </row>
    <row r="241" spans="1:6" x14ac:dyDescent="0.25">
      <c r="A241" s="36" t="s">
        <v>1384</v>
      </c>
      <c r="B241" s="61" t="s">
        <v>32</v>
      </c>
      <c r="C241" s="38" t="s">
        <v>18</v>
      </c>
      <c r="D241" s="27"/>
      <c r="E241" s="44">
        <v>1.45</v>
      </c>
      <c r="F241" s="29">
        <f t="shared" si="12"/>
        <v>0</v>
      </c>
    </row>
    <row r="242" spans="1:6" x14ac:dyDescent="0.25">
      <c r="A242" s="24" t="s">
        <v>1385</v>
      </c>
      <c r="B242" s="61" t="s">
        <v>32</v>
      </c>
      <c r="C242" s="38" t="s">
        <v>17</v>
      </c>
      <c r="D242" s="27"/>
      <c r="E242" s="44">
        <v>0.08</v>
      </c>
      <c r="F242" s="29">
        <f t="shared" si="12"/>
        <v>0</v>
      </c>
    </row>
    <row r="243" spans="1:6" x14ac:dyDescent="0.25">
      <c r="A243" s="36" t="s">
        <v>1390</v>
      </c>
      <c r="B243" s="61" t="s">
        <v>32</v>
      </c>
      <c r="C243" s="38" t="s">
        <v>17</v>
      </c>
      <c r="D243" s="27"/>
      <c r="E243" s="44">
        <v>0.85</v>
      </c>
      <c r="F243" s="29">
        <f t="shared" si="12"/>
        <v>0</v>
      </c>
    </row>
    <row r="244" spans="1:6" x14ac:dyDescent="0.25">
      <c r="A244" s="36" t="s">
        <v>166</v>
      </c>
      <c r="B244" s="61" t="s">
        <v>32</v>
      </c>
      <c r="C244" s="38" t="s">
        <v>16</v>
      </c>
      <c r="D244" s="27"/>
      <c r="E244" s="44">
        <v>5.3</v>
      </c>
      <c r="F244" s="29">
        <f t="shared" si="12"/>
        <v>0</v>
      </c>
    </row>
    <row r="245" spans="1:6" x14ac:dyDescent="0.25">
      <c r="A245" s="24" t="s">
        <v>1386</v>
      </c>
      <c r="B245" s="61" t="s">
        <v>32</v>
      </c>
      <c r="C245" s="38" t="s">
        <v>19</v>
      </c>
      <c r="D245" s="27"/>
      <c r="E245" s="44">
        <v>0.47</v>
      </c>
      <c r="F245" s="29">
        <f t="shared" si="12"/>
        <v>0</v>
      </c>
    </row>
    <row r="246" spans="1:6" x14ac:dyDescent="0.25">
      <c r="A246" s="36" t="s">
        <v>1387</v>
      </c>
      <c r="B246" s="61" t="s">
        <v>32</v>
      </c>
      <c r="C246" s="38" t="s">
        <v>19</v>
      </c>
      <c r="D246" s="27"/>
      <c r="E246" s="44">
        <v>1</v>
      </c>
      <c r="F246" s="29">
        <f t="shared" si="12"/>
        <v>0</v>
      </c>
    </row>
    <row r="247" spans="1:6" x14ac:dyDescent="0.25">
      <c r="A247" s="36" t="s">
        <v>1393</v>
      </c>
      <c r="B247" s="61" t="s">
        <v>32</v>
      </c>
      <c r="C247" s="38" t="s">
        <v>18</v>
      </c>
      <c r="D247" s="27"/>
      <c r="E247" s="44">
        <v>0.95</v>
      </c>
      <c r="F247" s="29">
        <f t="shared" si="12"/>
        <v>0</v>
      </c>
    </row>
    <row r="248" spans="1:6" x14ac:dyDescent="0.25">
      <c r="A248" s="36" t="s">
        <v>1394</v>
      </c>
      <c r="B248" s="61" t="s">
        <v>32</v>
      </c>
      <c r="C248" s="38" t="s">
        <v>17</v>
      </c>
      <c r="D248" s="27"/>
      <c r="E248" s="44">
        <v>0.51</v>
      </c>
      <c r="F248" s="29">
        <f t="shared" si="12"/>
        <v>0</v>
      </c>
    </row>
    <row r="249" spans="1:6" x14ac:dyDescent="0.25">
      <c r="A249" s="24" t="s">
        <v>167</v>
      </c>
      <c r="B249" s="61" t="s">
        <v>32</v>
      </c>
      <c r="C249" s="38" t="s">
        <v>18</v>
      </c>
      <c r="D249" s="27"/>
      <c r="E249" s="44">
        <v>0.78</v>
      </c>
      <c r="F249" s="29">
        <f t="shared" si="12"/>
        <v>0</v>
      </c>
    </row>
    <row r="250" spans="1:6" x14ac:dyDescent="0.25">
      <c r="A250" s="36" t="s">
        <v>1396</v>
      </c>
      <c r="B250" s="61" t="s">
        <v>32</v>
      </c>
      <c r="C250" s="38" t="s">
        <v>17</v>
      </c>
      <c r="D250" s="27"/>
      <c r="E250" s="44">
        <v>3.3000000000000002E-2</v>
      </c>
      <c r="F250" s="29">
        <f t="shared" si="12"/>
        <v>0</v>
      </c>
    </row>
    <row r="251" spans="1:6" x14ac:dyDescent="0.25">
      <c r="A251" s="36" t="s">
        <v>1391</v>
      </c>
      <c r="B251" s="61" t="s">
        <v>32</v>
      </c>
      <c r="C251" s="38" t="s">
        <v>17</v>
      </c>
      <c r="D251" s="27"/>
      <c r="E251" s="44">
        <v>0.67</v>
      </c>
      <c r="F251" s="29">
        <f t="shared" si="12"/>
        <v>0</v>
      </c>
    </row>
    <row r="252" spans="1:6" x14ac:dyDescent="0.25">
      <c r="A252" s="36" t="s">
        <v>1392</v>
      </c>
      <c r="B252" s="61" t="s">
        <v>32</v>
      </c>
      <c r="C252" s="38" t="s">
        <v>17</v>
      </c>
      <c r="D252" s="27"/>
      <c r="E252" s="44">
        <v>0.4</v>
      </c>
      <c r="F252" s="29">
        <f t="shared" si="12"/>
        <v>0</v>
      </c>
    </row>
    <row r="253" spans="1:6" x14ac:dyDescent="0.25">
      <c r="A253" s="36" t="s">
        <v>1398</v>
      </c>
      <c r="B253" s="61" t="s">
        <v>32</v>
      </c>
      <c r="C253" s="38" t="s">
        <v>18</v>
      </c>
      <c r="D253" s="27"/>
      <c r="E253" s="44">
        <v>2.09</v>
      </c>
      <c r="F253" s="29">
        <f t="shared" si="12"/>
        <v>0</v>
      </c>
    </row>
    <row r="254" spans="1:6" x14ac:dyDescent="0.25">
      <c r="A254" s="36" t="s">
        <v>158</v>
      </c>
      <c r="B254" s="61"/>
      <c r="C254" s="38"/>
      <c r="D254" s="27"/>
      <c r="E254" s="44"/>
      <c r="F254" s="29">
        <f t="shared" ref="F254:F255" si="13">SUM(D254*E254)</f>
        <v>0</v>
      </c>
    </row>
    <row r="255" spans="1:6" x14ac:dyDescent="0.25">
      <c r="A255" s="53" t="s">
        <v>33</v>
      </c>
      <c r="B255" s="61"/>
      <c r="C255" s="38"/>
      <c r="D255" s="27"/>
      <c r="E255" s="44"/>
      <c r="F255" s="29">
        <f t="shared" si="13"/>
        <v>0</v>
      </c>
    </row>
    <row r="256" spans="1:6" x14ac:dyDescent="0.25">
      <c r="A256" s="36" t="s">
        <v>1029</v>
      </c>
      <c r="B256" s="61" t="s">
        <v>34</v>
      </c>
      <c r="C256" s="38" t="s">
        <v>702</v>
      </c>
      <c r="D256" s="27"/>
      <c r="E256" s="44">
        <v>0.2399</v>
      </c>
      <c r="F256" s="29">
        <f t="shared" ref="F256:F270" si="14">SUM(D256*E256)</f>
        <v>0</v>
      </c>
    </row>
    <row r="257" spans="1:6" x14ac:dyDescent="0.25">
      <c r="A257" s="24" t="s">
        <v>1030</v>
      </c>
      <c r="B257" s="61" t="s">
        <v>34</v>
      </c>
      <c r="C257" s="38" t="s">
        <v>17</v>
      </c>
      <c r="D257" s="27"/>
      <c r="E257" s="44">
        <v>0.77900000000000003</v>
      </c>
      <c r="F257" s="29">
        <f t="shared" si="14"/>
        <v>0</v>
      </c>
    </row>
    <row r="258" spans="1:6" x14ac:dyDescent="0.25">
      <c r="A258" s="24" t="s">
        <v>1031</v>
      </c>
      <c r="B258" s="61" t="s">
        <v>34</v>
      </c>
      <c r="C258" s="38" t="s">
        <v>17</v>
      </c>
      <c r="D258" s="27"/>
      <c r="E258" s="44">
        <v>0.59899999999999998</v>
      </c>
      <c r="F258" s="29">
        <f t="shared" si="14"/>
        <v>0</v>
      </c>
    </row>
    <row r="259" spans="1:6" x14ac:dyDescent="0.25">
      <c r="A259" s="24" t="s">
        <v>1020</v>
      </c>
      <c r="B259" s="61" t="s">
        <v>34</v>
      </c>
      <c r="C259" s="38" t="s">
        <v>18</v>
      </c>
      <c r="D259" s="27"/>
      <c r="E259" s="44">
        <v>10.4</v>
      </c>
      <c r="F259" s="29">
        <f t="shared" si="14"/>
        <v>0</v>
      </c>
    </row>
    <row r="260" spans="1:6" x14ac:dyDescent="0.25">
      <c r="A260" s="24" t="s">
        <v>168</v>
      </c>
      <c r="B260" s="61" t="s">
        <v>34</v>
      </c>
      <c r="C260" s="38" t="s">
        <v>18</v>
      </c>
      <c r="D260" s="27"/>
      <c r="E260" s="44">
        <v>17.260000000000002</v>
      </c>
      <c r="F260" s="29">
        <f t="shared" si="14"/>
        <v>0</v>
      </c>
    </row>
    <row r="261" spans="1:6" x14ac:dyDescent="0.25">
      <c r="A261" s="36" t="s">
        <v>1021</v>
      </c>
      <c r="B261" s="61" t="s">
        <v>34</v>
      </c>
      <c r="C261" s="38" t="s">
        <v>17</v>
      </c>
      <c r="D261" s="27"/>
      <c r="E261" s="44">
        <v>0.02</v>
      </c>
      <c r="F261" s="29">
        <f t="shared" si="14"/>
        <v>0</v>
      </c>
    </row>
    <row r="262" spans="1:6" x14ac:dyDescent="0.25">
      <c r="A262" s="36" t="s">
        <v>1022</v>
      </c>
      <c r="B262" s="61" t="s">
        <v>34</v>
      </c>
      <c r="C262" s="38" t="s">
        <v>17</v>
      </c>
      <c r="D262" s="27"/>
      <c r="E262" s="44">
        <v>2.7869999999999999</v>
      </c>
      <c r="F262" s="29">
        <f t="shared" si="14"/>
        <v>0</v>
      </c>
    </row>
    <row r="263" spans="1:6" x14ac:dyDescent="0.25">
      <c r="A263" s="24" t="s">
        <v>1024</v>
      </c>
      <c r="B263" s="61" t="s">
        <v>34</v>
      </c>
      <c r="C263" s="38" t="s">
        <v>18</v>
      </c>
      <c r="D263" s="27"/>
      <c r="E263" s="44">
        <v>154.72</v>
      </c>
      <c r="F263" s="29">
        <f t="shared" si="14"/>
        <v>0</v>
      </c>
    </row>
    <row r="264" spans="1:6" x14ac:dyDescent="0.25">
      <c r="A264" s="36" t="s">
        <v>1023</v>
      </c>
      <c r="B264" s="61" t="s">
        <v>34</v>
      </c>
      <c r="C264" s="38" t="s">
        <v>18</v>
      </c>
      <c r="D264" s="27"/>
      <c r="E264" s="44">
        <v>38.090000000000003</v>
      </c>
      <c r="F264" s="29">
        <f t="shared" si="14"/>
        <v>0</v>
      </c>
    </row>
    <row r="265" spans="1:6" x14ac:dyDescent="0.25">
      <c r="A265" s="36" t="s">
        <v>1244</v>
      </c>
      <c r="B265" s="61" t="s">
        <v>34</v>
      </c>
      <c r="C265" s="38" t="s">
        <v>18</v>
      </c>
      <c r="D265" s="27"/>
      <c r="E265" s="44">
        <v>95.22</v>
      </c>
      <c r="F265" s="29">
        <f t="shared" si="14"/>
        <v>0</v>
      </c>
    </row>
    <row r="266" spans="1:6" x14ac:dyDescent="0.25">
      <c r="A266" s="36" t="s">
        <v>1183</v>
      </c>
      <c r="B266" s="61" t="s">
        <v>34</v>
      </c>
      <c r="C266" s="38" t="s">
        <v>18</v>
      </c>
      <c r="D266" s="27"/>
      <c r="E266" s="44">
        <v>0.94989999999999997</v>
      </c>
      <c r="F266" s="29">
        <f t="shared" si="14"/>
        <v>0</v>
      </c>
    </row>
    <row r="267" spans="1:6" x14ac:dyDescent="0.25">
      <c r="A267" s="36" t="s">
        <v>1025</v>
      </c>
      <c r="B267" s="61" t="s">
        <v>34</v>
      </c>
      <c r="C267" s="38" t="s">
        <v>702</v>
      </c>
      <c r="D267" s="27"/>
      <c r="E267" s="44">
        <v>3.24</v>
      </c>
      <c r="F267" s="29">
        <f t="shared" si="14"/>
        <v>0</v>
      </c>
    </row>
    <row r="268" spans="1:6" x14ac:dyDescent="0.25">
      <c r="A268" s="56" t="s">
        <v>1026</v>
      </c>
      <c r="B268" s="62" t="s">
        <v>34</v>
      </c>
      <c r="C268" s="39" t="s">
        <v>17</v>
      </c>
      <c r="D268" s="31"/>
      <c r="E268" s="45">
        <v>2.2075999999999998</v>
      </c>
      <c r="F268" s="32">
        <f t="shared" si="14"/>
        <v>0</v>
      </c>
    </row>
    <row r="269" spans="1:6" x14ac:dyDescent="0.25">
      <c r="A269" s="36" t="s">
        <v>1027</v>
      </c>
      <c r="B269" s="61" t="s">
        <v>34</v>
      </c>
      <c r="C269" s="38" t="s">
        <v>17</v>
      </c>
      <c r="D269" s="27"/>
      <c r="E269" s="44">
        <v>0.55800000000000005</v>
      </c>
      <c r="F269" s="29">
        <f t="shared" si="14"/>
        <v>0</v>
      </c>
    </row>
    <row r="270" spans="1:6" x14ac:dyDescent="0.25">
      <c r="A270" s="36" t="s">
        <v>1028</v>
      </c>
      <c r="B270" s="61" t="s">
        <v>34</v>
      </c>
      <c r="C270" s="38" t="s">
        <v>18</v>
      </c>
      <c r="D270" s="27"/>
      <c r="E270" s="44">
        <v>4.7249999999999996</v>
      </c>
      <c r="F270" s="29">
        <f t="shared" si="14"/>
        <v>0</v>
      </c>
    </row>
    <row r="271" spans="1:6" x14ac:dyDescent="0.25">
      <c r="A271" s="36" t="s">
        <v>158</v>
      </c>
      <c r="B271" s="61"/>
      <c r="C271" s="38"/>
      <c r="D271" s="27"/>
      <c r="E271" s="44"/>
      <c r="F271" s="29">
        <f t="shared" ref="F271:F317" si="15">SUM(D271*E271)</f>
        <v>0</v>
      </c>
    </row>
    <row r="272" spans="1:6" x14ac:dyDescent="0.25">
      <c r="A272" s="53" t="s">
        <v>35</v>
      </c>
      <c r="B272" s="61"/>
      <c r="C272" s="38"/>
      <c r="D272" s="27"/>
      <c r="E272" s="44"/>
      <c r="F272" s="29">
        <f t="shared" si="15"/>
        <v>0</v>
      </c>
    </row>
    <row r="273" spans="1:6" x14ac:dyDescent="0.25">
      <c r="A273" s="36" t="s">
        <v>173</v>
      </c>
      <c r="B273" s="61" t="s">
        <v>36</v>
      </c>
      <c r="C273" s="38" t="s">
        <v>5</v>
      </c>
      <c r="D273" s="27"/>
      <c r="E273" s="44">
        <v>0.59</v>
      </c>
      <c r="F273" s="29">
        <f t="shared" ref="F273:F303" si="16">SUM(D273*E273)</f>
        <v>0</v>
      </c>
    </row>
    <row r="274" spans="1:6" x14ac:dyDescent="0.25">
      <c r="A274" s="36" t="s">
        <v>169</v>
      </c>
      <c r="B274" s="61" t="s">
        <v>36</v>
      </c>
      <c r="C274" s="38" t="s">
        <v>5</v>
      </c>
      <c r="D274" s="27"/>
      <c r="E274" s="44">
        <v>0.59</v>
      </c>
      <c r="F274" s="29">
        <f t="shared" si="16"/>
        <v>0</v>
      </c>
    </row>
    <row r="275" spans="1:6" x14ac:dyDescent="0.25">
      <c r="A275" s="24" t="s">
        <v>170</v>
      </c>
      <c r="B275" s="61" t="s">
        <v>36</v>
      </c>
      <c r="C275" s="38" t="s">
        <v>5</v>
      </c>
      <c r="D275" s="27"/>
      <c r="E275" s="44">
        <v>0.59</v>
      </c>
      <c r="F275" s="29">
        <f t="shared" si="16"/>
        <v>0</v>
      </c>
    </row>
    <row r="276" spans="1:6" x14ac:dyDescent="0.25">
      <c r="A276" s="36" t="s">
        <v>171</v>
      </c>
      <c r="B276" s="61" t="s">
        <v>36</v>
      </c>
      <c r="C276" s="38" t="s">
        <v>5</v>
      </c>
      <c r="D276" s="27"/>
      <c r="E276" s="44">
        <v>0.59</v>
      </c>
      <c r="F276" s="29">
        <f t="shared" si="16"/>
        <v>0</v>
      </c>
    </row>
    <row r="277" spans="1:6" x14ac:dyDescent="0.25">
      <c r="A277" s="36" t="s">
        <v>172</v>
      </c>
      <c r="B277" s="61" t="s">
        <v>36</v>
      </c>
      <c r="C277" s="38" t="s">
        <v>5</v>
      </c>
      <c r="D277" s="27"/>
      <c r="E277" s="44">
        <v>0.68</v>
      </c>
      <c r="F277" s="29">
        <f t="shared" si="16"/>
        <v>0</v>
      </c>
    </row>
    <row r="278" spans="1:6" x14ac:dyDescent="0.25">
      <c r="A278" s="36" t="s">
        <v>174</v>
      </c>
      <c r="B278" s="61" t="s">
        <v>36</v>
      </c>
      <c r="C278" s="38" t="s">
        <v>5</v>
      </c>
      <c r="D278" s="27"/>
      <c r="E278" s="44">
        <v>0.17</v>
      </c>
      <c r="F278" s="29">
        <f t="shared" si="16"/>
        <v>0</v>
      </c>
    </row>
    <row r="279" spans="1:6" x14ac:dyDescent="0.25">
      <c r="A279" s="36" t="s">
        <v>175</v>
      </c>
      <c r="B279" s="61" t="s">
        <v>36</v>
      </c>
      <c r="C279" s="38" t="s">
        <v>5</v>
      </c>
      <c r="D279" s="27"/>
      <c r="E279" s="44">
        <v>0.59</v>
      </c>
      <c r="F279" s="29">
        <f t="shared" si="16"/>
        <v>0</v>
      </c>
    </row>
    <row r="280" spans="1:6" x14ac:dyDescent="0.25">
      <c r="A280" s="24" t="s">
        <v>176</v>
      </c>
      <c r="B280" s="61" t="s">
        <v>36</v>
      </c>
      <c r="C280" s="38" t="s">
        <v>5</v>
      </c>
      <c r="D280" s="27"/>
      <c r="E280" s="44">
        <v>0.59</v>
      </c>
      <c r="F280" s="29">
        <f t="shared" si="16"/>
        <v>0</v>
      </c>
    </row>
    <row r="281" spans="1:6" x14ac:dyDescent="0.25">
      <c r="A281" s="36" t="s">
        <v>177</v>
      </c>
      <c r="B281" s="61" t="s">
        <v>36</v>
      </c>
      <c r="C281" s="38" t="s">
        <v>5</v>
      </c>
      <c r="D281" s="27"/>
      <c r="E281" s="44">
        <v>0.59</v>
      </c>
      <c r="F281" s="29">
        <f t="shared" si="16"/>
        <v>0</v>
      </c>
    </row>
    <row r="282" spans="1:6" x14ac:dyDescent="0.25">
      <c r="A282" s="36" t="s">
        <v>181</v>
      </c>
      <c r="B282" s="61" t="s">
        <v>36</v>
      </c>
      <c r="C282" s="38" t="s">
        <v>25</v>
      </c>
      <c r="D282" s="27"/>
      <c r="E282" s="44">
        <v>18.920000000000002</v>
      </c>
      <c r="F282" s="29">
        <f t="shared" si="16"/>
        <v>0</v>
      </c>
    </row>
    <row r="283" spans="1:6" x14ac:dyDescent="0.25">
      <c r="A283" s="36" t="s">
        <v>178</v>
      </c>
      <c r="B283" s="61" t="s">
        <v>36</v>
      </c>
      <c r="C283" s="38" t="s">
        <v>25</v>
      </c>
      <c r="D283" s="27"/>
      <c r="E283" s="44">
        <v>18.920000000000002</v>
      </c>
      <c r="F283" s="29">
        <f t="shared" si="16"/>
        <v>0</v>
      </c>
    </row>
    <row r="284" spans="1:6" x14ac:dyDescent="0.25">
      <c r="A284" s="36" t="s">
        <v>179</v>
      </c>
      <c r="B284" s="61" t="s">
        <v>36</v>
      </c>
      <c r="C284" s="38" t="s">
        <v>25</v>
      </c>
      <c r="D284" s="27"/>
      <c r="E284" s="44">
        <v>18.920000000000002</v>
      </c>
      <c r="F284" s="29">
        <f t="shared" si="16"/>
        <v>0</v>
      </c>
    </row>
    <row r="285" spans="1:6" x14ac:dyDescent="0.25">
      <c r="A285" s="36" t="s">
        <v>180</v>
      </c>
      <c r="B285" s="61" t="s">
        <v>36</v>
      </c>
      <c r="C285" s="38" t="s">
        <v>25</v>
      </c>
      <c r="D285" s="27"/>
      <c r="E285" s="44">
        <v>18.920000000000002</v>
      </c>
      <c r="F285" s="29">
        <f t="shared" si="16"/>
        <v>0</v>
      </c>
    </row>
    <row r="286" spans="1:6" x14ac:dyDescent="0.25">
      <c r="A286" s="36" t="s">
        <v>182</v>
      </c>
      <c r="B286" s="61" t="s">
        <v>36</v>
      </c>
      <c r="C286" s="38" t="s">
        <v>25</v>
      </c>
      <c r="D286" s="27"/>
      <c r="E286" s="44">
        <v>18.920000000000002</v>
      </c>
      <c r="F286" s="29">
        <f t="shared" si="16"/>
        <v>0</v>
      </c>
    </row>
    <row r="287" spans="1:6" x14ac:dyDescent="0.25">
      <c r="A287" s="36" t="s">
        <v>183</v>
      </c>
      <c r="B287" s="61" t="s">
        <v>36</v>
      </c>
      <c r="C287" s="38" t="s">
        <v>25</v>
      </c>
      <c r="D287" s="27"/>
      <c r="E287" s="44">
        <v>4.0999999999999996</v>
      </c>
      <c r="F287" s="29">
        <f t="shared" si="16"/>
        <v>0</v>
      </c>
    </row>
    <row r="288" spans="1:6" x14ac:dyDescent="0.25">
      <c r="A288" s="36" t="s">
        <v>191</v>
      </c>
      <c r="B288" s="61" t="s">
        <v>36</v>
      </c>
      <c r="C288" s="38" t="s">
        <v>5</v>
      </c>
      <c r="D288" s="27"/>
      <c r="E288" s="44">
        <v>6.08</v>
      </c>
      <c r="F288" s="29">
        <f t="shared" si="16"/>
        <v>0</v>
      </c>
    </row>
    <row r="289" spans="1:6" x14ac:dyDescent="0.25">
      <c r="A289" s="24" t="s">
        <v>640</v>
      </c>
      <c r="B289" s="61" t="s">
        <v>36</v>
      </c>
      <c r="C289" s="38" t="s">
        <v>5</v>
      </c>
      <c r="D289" s="27"/>
      <c r="E289" s="44">
        <v>13.11</v>
      </c>
      <c r="F289" s="29">
        <f t="shared" si="16"/>
        <v>0</v>
      </c>
    </row>
    <row r="290" spans="1:6" x14ac:dyDescent="0.25">
      <c r="A290" s="24" t="s">
        <v>641</v>
      </c>
      <c r="B290" s="61" t="s">
        <v>36</v>
      </c>
      <c r="C290" s="38" t="s">
        <v>5</v>
      </c>
      <c r="D290" s="27"/>
      <c r="E290" s="44">
        <v>14.39</v>
      </c>
      <c r="F290" s="29">
        <f t="shared" si="16"/>
        <v>0</v>
      </c>
    </row>
    <row r="291" spans="1:6" x14ac:dyDescent="0.25">
      <c r="A291" s="24" t="s">
        <v>642</v>
      </c>
      <c r="B291" s="61" t="s">
        <v>36</v>
      </c>
      <c r="C291" s="38" t="s">
        <v>5</v>
      </c>
      <c r="D291" s="27"/>
      <c r="E291" s="44">
        <v>14.88</v>
      </c>
      <c r="F291" s="29">
        <f t="shared" si="16"/>
        <v>0</v>
      </c>
    </row>
    <row r="292" spans="1:6" x14ac:dyDescent="0.25">
      <c r="A292" s="57" t="s">
        <v>1184</v>
      </c>
      <c r="B292" s="61" t="s">
        <v>36</v>
      </c>
      <c r="C292" s="38" t="s">
        <v>5</v>
      </c>
      <c r="D292" s="27"/>
      <c r="E292" s="44">
        <v>26.6</v>
      </c>
      <c r="F292" s="29">
        <f t="shared" si="16"/>
        <v>0</v>
      </c>
    </row>
    <row r="293" spans="1:6" x14ac:dyDescent="0.25">
      <c r="A293" s="36" t="s">
        <v>638</v>
      </c>
      <c r="B293" s="61" t="s">
        <v>36</v>
      </c>
      <c r="C293" s="38" t="s">
        <v>5</v>
      </c>
      <c r="D293" s="27"/>
      <c r="E293" s="44">
        <v>2.15</v>
      </c>
      <c r="F293" s="29">
        <f t="shared" si="16"/>
        <v>0</v>
      </c>
    </row>
    <row r="294" spans="1:6" x14ac:dyDescent="0.25">
      <c r="A294" s="36" t="s">
        <v>639</v>
      </c>
      <c r="B294" s="61" t="s">
        <v>36</v>
      </c>
      <c r="C294" s="38" t="s">
        <v>5</v>
      </c>
      <c r="D294" s="27"/>
      <c r="E294" s="44">
        <v>2.2400000000000002</v>
      </c>
      <c r="F294" s="29">
        <f t="shared" si="16"/>
        <v>0</v>
      </c>
    </row>
    <row r="295" spans="1:6" x14ac:dyDescent="0.25">
      <c r="A295" s="24" t="s">
        <v>192</v>
      </c>
      <c r="B295" s="61" t="s">
        <v>36</v>
      </c>
      <c r="C295" s="38" t="s">
        <v>5</v>
      </c>
      <c r="D295" s="27"/>
      <c r="E295" s="44">
        <v>8.7899999999999991</v>
      </c>
      <c r="F295" s="29">
        <f t="shared" si="16"/>
        <v>0</v>
      </c>
    </row>
    <row r="296" spans="1:6" x14ac:dyDescent="0.25">
      <c r="A296" s="24" t="s">
        <v>643</v>
      </c>
      <c r="B296" s="61" t="s">
        <v>36</v>
      </c>
      <c r="C296" s="38" t="s">
        <v>5</v>
      </c>
      <c r="D296" s="27"/>
      <c r="E296" s="44">
        <v>16.07</v>
      </c>
      <c r="F296" s="29">
        <f t="shared" si="16"/>
        <v>0</v>
      </c>
    </row>
    <row r="297" spans="1:6" x14ac:dyDescent="0.25">
      <c r="A297" s="36" t="s">
        <v>184</v>
      </c>
      <c r="B297" s="61" t="s">
        <v>36</v>
      </c>
      <c r="C297" s="38" t="s">
        <v>5</v>
      </c>
      <c r="D297" s="27"/>
      <c r="E297" s="44">
        <v>2.89</v>
      </c>
      <c r="F297" s="29">
        <f t="shared" si="16"/>
        <v>0</v>
      </c>
    </row>
    <row r="298" spans="1:6" x14ac:dyDescent="0.25">
      <c r="A298" s="36" t="s">
        <v>185</v>
      </c>
      <c r="B298" s="61" t="s">
        <v>36</v>
      </c>
      <c r="C298" s="38" t="s">
        <v>5</v>
      </c>
      <c r="D298" s="27"/>
      <c r="E298" s="44">
        <v>2.89</v>
      </c>
      <c r="F298" s="29">
        <f t="shared" si="16"/>
        <v>0</v>
      </c>
    </row>
    <row r="299" spans="1:6" s="1" customFormat="1" x14ac:dyDescent="0.25">
      <c r="A299" s="36" t="s">
        <v>186</v>
      </c>
      <c r="B299" s="61" t="s">
        <v>36</v>
      </c>
      <c r="C299" s="38" t="s">
        <v>5</v>
      </c>
      <c r="D299" s="27"/>
      <c r="E299" s="44">
        <v>2.89</v>
      </c>
      <c r="F299" s="29">
        <f t="shared" si="16"/>
        <v>0</v>
      </c>
    </row>
    <row r="300" spans="1:6" x14ac:dyDescent="0.25">
      <c r="A300" s="36" t="s">
        <v>187</v>
      </c>
      <c r="B300" s="61" t="s">
        <v>36</v>
      </c>
      <c r="C300" s="38" t="s">
        <v>5</v>
      </c>
      <c r="D300" s="27"/>
      <c r="E300" s="44">
        <v>2.89</v>
      </c>
      <c r="F300" s="29">
        <f t="shared" si="16"/>
        <v>0</v>
      </c>
    </row>
    <row r="301" spans="1:6" x14ac:dyDescent="0.25">
      <c r="A301" s="24" t="s">
        <v>188</v>
      </c>
      <c r="B301" s="61" t="s">
        <v>36</v>
      </c>
      <c r="C301" s="38" t="s">
        <v>5</v>
      </c>
      <c r="D301" s="27"/>
      <c r="E301" s="44">
        <v>2.89</v>
      </c>
      <c r="F301" s="29">
        <f t="shared" si="16"/>
        <v>0</v>
      </c>
    </row>
    <row r="302" spans="1:6" x14ac:dyDescent="0.25">
      <c r="A302" s="24" t="s">
        <v>189</v>
      </c>
      <c r="B302" s="61" t="s">
        <v>36</v>
      </c>
      <c r="C302" s="38" t="s">
        <v>5</v>
      </c>
      <c r="D302" s="27"/>
      <c r="E302" s="44">
        <v>2.89</v>
      </c>
      <c r="F302" s="29">
        <f t="shared" si="16"/>
        <v>0</v>
      </c>
    </row>
    <row r="303" spans="1:6" x14ac:dyDescent="0.25">
      <c r="A303" s="24" t="s">
        <v>190</v>
      </c>
      <c r="B303" s="61" t="s">
        <v>36</v>
      </c>
      <c r="C303" s="38" t="s">
        <v>5</v>
      </c>
      <c r="D303" s="27"/>
      <c r="E303" s="44">
        <v>2.89</v>
      </c>
      <c r="F303" s="29">
        <f t="shared" si="16"/>
        <v>0</v>
      </c>
    </row>
    <row r="304" spans="1:6" x14ac:dyDescent="0.25">
      <c r="A304" s="36" t="s">
        <v>158</v>
      </c>
      <c r="B304" s="61"/>
      <c r="C304" s="38"/>
      <c r="D304" s="27"/>
      <c r="E304" s="44"/>
      <c r="F304" s="29">
        <f t="shared" si="15"/>
        <v>0</v>
      </c>
    </row>
    <row r="305" spans="1:6" x14ac:dyDescent="0.25">
      <c r="A305" s="53" t="s">
        <v>1185</v>
      </c>
      <c r="B305" s="61"/>
      <c r="C305" s="38"/>
      <c r="D305" s="27"/>
      <c r="E305" s="44"/>
      <c r="F305" s="29">
        <f t="shared" si="15"/>
        <v>0</v>
      </c>
    </row>
    <row r="306" spans="1:6" x14ac:dyDescent="0.25">
      <c r="A306" s="36" t="s">
        <v>193</v>
      </c>
      <c r="B306" s="61" t="s">
        <v>1186</v>
      </c>
      <c r="C306" s="38" t="s">
        <v>18</v>
      </c>
      <c r="D306" s="27"/>
      <c r="E306" s="44">
        <v>47</v>
      </c>
      <c r="F306" s="29">
        <f t="shared" ref="F306:F315" si="17">SUM(D306*E306)</f>
        <v>0</v>
      </c>
    </row>
    <row r="307" spans="1:6" x14ac:dyDescent="0.25">
      <c r="A307" s="24" t="s">
        <v>1098</v>
      </c>
      <c r="B307" s="61" t="s">
        <v>1186</v>
      </c>
      <c r="C307" s="38" t="s">
        <v>5</v>
      </c>
      <c r="D307" s="27"/>
      <c r="E307" s="44">
        <v>56.99</v>
      </c>
      <c r="F307" s="29">
        <f t="shared" si="17"/>
        <v>0</v>
      </c>
    </row>
    <row r="308" spans="1:6" x14ac:dyDescent="0.25">
      <c r="A308" s="36" t="s">
        <v>1264</v>
      </c>
      <c r="B308" s="61" t="s">
        <v>1186</v>
      </c>
      <c r="C308" s="38" t="s">
        <v>5</v>
      </c>
      <c r="D308" s="27"/>
      <c r="E308" s="44">
        <v>2.88</v>
      </c>
      <c r="F308" s="29">
        <f t="shared" si="17"/>
        <v>0</v>
      </c>
    </row>
    <row r="309" spans="1:6" x14ac:dyDescent="0.25">
      <c r="A309" s="36" t="s">
        <v>1099</v>
      </c>
      <c r="B309" s="61" t="s">
        <v>1186</v>
      </c>
      <c r="C309" s="38" t="s">
        <v>25</v>
      </c>
      <c r="D309" s="27"/>
      <c r="E309" s="44">
        <v>3.49</v>
      </c>
      <c r="F309" s="29">
        <f t="shared" si="17"/>
        <v>0</v>
      </c>
    </row>
    <row r="310" spans="1:6" x14ac:dyDescent="0.25">
      <c r="A310" s="36" t="s">
        <v>1265</v>
      </c>
      <c r="B310" s="61" t="s">
        <v>1186</v>
      </c>
      <c r="C310" s="38" t="s">
        <v>5</v>
      </c>
      <c r="D310" s="27"/>
      <c r="E310" s="44">
        <v>1.1000000000000001</v>
      </c>
      <c r="F310" s="29">
        <f t="shared" si="17"/>
        <v>0</v>
      </c>
    </row>
    <row r="311" spans="1:6" x14ac:dyDescent="0.25">
      <c r="A311" s="36" t="s">
        <v>1266</v>
      </c>
      <c r="B311" s="61" t="s">
        <v>1186</v>
      </c>
      <c r="C311" s="38" t="s">
        <v>5</v>
      </c>
      <c r="D311" s="27"/>
      <c r="E311" s="44">
        <v>1.7190000000000001</v>
      </c>
      <c r="F311" s="29">
        <f t="shared" si="17"/>
        <v>0</v>
      </c>
    </row>
    <row r="312" spans="1:6" x14ac:dyDescent="0.25">
      <c r="A312" s="36" t="s">
        <v>1267</v>
      </c>
      <c r="B312" s="61" t="s">
        <v>1186</v>
      </c>
      <c r="C312" s="38" t="s">
        <v>25</v>
      </c>
      <c r="D312" s="27"/>
      <c r="E312" s="44">
        <v>7</v>
      </c>
      <c r="F312" s="29">
        <f t="shared" si="17"/>
        <v>0</v>
      </c>
    </row>
    <row r="313" spans="1:6" s="1" customFormat="1" x14ac:dyDescent="0.25">
      <c r="A313" s="24" t="s">
        <v>1268</v>
      </c>
      <c r="B313" s="61" t="s">
        <v>1186</v>
      </c>
      <c r="C313" s="38" t="s">
        <v>5</v>
      </c>
      <c r="D313" s="27"/>
      <c r="E313" s="44">
        <v>0.56000000000000005</v>
      </c>
      <c r="F313" s="29">
        <f t="shared" si="17"/>
        <v>0</v>
      </c>
    </row>
    <row r="314" spans="1:6" x14ac:dyDescent="0.25">
      <c r="A314" s="24" t="s">
        <v>1256</v>
      </c>
      <c r="B314" s="61" t="s">
        <v>1186</v>
      </c>
      <c r="C314" s="38" t="s">
        <v>5</v>
      </c>
      <c r="D314" s="27"/>
      <c r="E314" s="44">
        <v>0.8</v>
      </c>
      <c r="F314" s="29">
        <f t="shared" si="17"/>
        <v>0</v>
      </c>
    </row>
    <row r="315" spans="1:6" s="1" customFormat="1" x14ac:dyDescent="0.25">
      <c r="A315" s="24" t="s">
        <v>1269</v>
      </c>
      <c r="B315" s="61" t="s">
        <v>1186</v>
      </c>
      <c r="C315" s="38" t="s">
        <v>5</v>
      </c>
      <c r="D315" s="27"/>
      <c r="E315" s="44">
        <v>0.6099</v>
      </c>
      <c r="F315" s="29">
        <f t="shared" si="17"/>
        <v>0</v>
      </c>
    </row>
    <row r="316" spans="1:6" x14ac:dyDescent="0.25">
      <c r="A316" s="36" t="s">
        <v>158</v>
      </c>
      <c r="B316" s="61"/>
      <c r="C316" s="38"/>
      <c r="D316" s="27"/>
      <c r="E316" s="44"/>
      <c r="F316" s="29">
        <f t="shared" si="15"/>
        <v>0</v>
      </c>
    </row>
    <row r="317" spans="1:6" x14ac:dyDescent="0.25">
      <c r="A317" s="53" t="s">
        <v>37</v>
      </c>
      <c r="B317" s="61"/>
      <c r="C317" s="38"/>
      <c r="D317" s="27"/>
      <c r="E317" s="44"/>
      <c r="F317" s="29">
        <f t="shared" si="15"/>
        <v>0</v>
      </c>
    </row>
    <row r="318" spans="1:6" x14ac:dyDescent="0.25">
      <c r="A318" s="36" t="s">
        <v>575</v>
      </c>
      <c r="B318" s="61" t="s">
        <v>38</v>
      </c>
      <c r="C318" s="38" t="s">
        <v>16</v>
      </c>
      <c r="D318" s="27"/>
      <c r="E318" s="44">
        <v>2.5</v>
      </c>
      <c r="F318" s="29">
        <f>SUM(D318*E318)</f>
        <v>0</v>
      </c>
    </row>
    <row r="319" spans="1:6" s="1" customFormat="1" x14ac:dyDescent="0.25">
      <c r="A319" s="36" t="s">
        <v>1187</v>
      </c>
      <c r="B319" s="61" t="s">
        <v>38</v>
      </c>
      <c r="C319" s="38" t="s">
        <v>18</v>
      </c>
      <c r="D319" s="27"/>
      <c r="E319" s="44">
        <v>2.1</v>
      </c>
      <c r="F319" s="29"/>
    </row>
    <row r="320" spans="1:6" x14ac:dyDescent="0.25">
      <c r="A320" s="36" t="s">
        <v>576</v>
      </c>
      <c r="B320" s="61" t="s">
        <v>38</v>
      </c>
      <c r="C320" s="38" t="s">
        <v>17</v>
      </c>
      <c r="D320" s="27"/>
      <c r="E320" s="44">
        <v>0.215</v>
      </c>
      <c r="F320" s="29">
        <f t="shared" ref="F320:F346" si="18">SUM(D320*E320)</f>
        <v>0</v>
      </c>
    </row>
    <row r="321" spans="1:6" x14ac:dyDescent="0.25">
      <c r="A321" s="36" t="s">
        <v>574</v>
      </c>
      <c r="B321" s="61" t="s">
        <v>38</v>
      </c>
      <c r="C321" s="38" t="s">
        <v>18</v>
      </c>
      <c r="D321" s="27"/>
      <c r="E321" s="44">
        <v>2.7</v>
      </c>
      <c r="F321" s="29">
        <f t="shared" si="18"/>
        <v>0</v>
      </c>
    </row>
    <row r="322" spans="1:6" x14ac:dyDescent="0.25">
      <c r="A322" s="24" t="s">
        <v>593</v>
      </c>
      <c r="B322" s="61" t="s">
        <v>38</v>
      </c>
      <c r="C322" s="38" t="s">
        <v>17</v>
      </c>
      <c r="D322" s="27"/>
      <c r="E322" s="44">
        <v>0.14199999999999999</v>
      </c>
      <c r="F322" s="29">
        <f t="shared" si="18"/>
        <v>0</v>
      </c>
    </row>
    <row r="323" spans="1:6" x14ac:dyDescent="0.25">
      <c r="A323" s="36" t="s">
        <v>577</v>
      </c>
      <c r="B323" s="61" t="s">
        <v>38</v>
      </c>
      <c r="C323" s="38" t="s">
        <v>17</v>
      </c>
      <c r="D323" s="27"/>
      <c r="E323" s="44">
        <v>0.60950000000000004</v>
      </c>
      <c r="F323" s="29">
        <f t="shared" si="18"/>
        <v>0</v>
      </c>
    </row>
    <row r="324" spans="1:6" x14ac:dyDescent="0.25">
      <c r="A324" s="36" t="s">
        <v>578</v>
      </c>
      <c r="B324" s="61" t="s">
        <v>38</v>
      </c>
      <c r="C324" s="38" t="s">
        <v>17</v>
      </c>
      <c r="D324" s="27"/>
      <c r="E324" s="44">
        <v>0.56999999999999995</v>
      </c>
      <c r="F324" s="29">
        <f t="shared" si="18"/>
        <v>0</v>
      </c>
    </row>
    <row r="325" spans="1:6" x14ac:dyDescent="0.25">
      <c r="A325" s="36" t="s">
        <v>580</v>
      </c>
      <c r="B325" s="61" t="s">
        <v>38</v>
      </c>
      <c r="C325" s="38" t="s">
        <v>17</v>
      </c>
      <c r="D325" s="27"/>
      <c r="E325" s="44">
        <v>0.42</v>
      </c>
      <c r="F325" s="29">
        <f t="shared" si="18"/>
        <v>0</v>
      </c>
    </row>
    <row r="326" spans="1:6" x14ac:dyDescent="0.25">
      <c r="A326" s="36" t="s">
        <v>579</v>
      </c>
      <c r="B326" s="61" t="s">
        <v>38</v>
      </c>
      <c r="C326" s="38" t="s">
        <v>16</v>
      </c>
      <c r="D326" s="27"/>
      <c r="E326" s="44">
        <v>0.95899999999999996</v>
      </c>
      <c r="F326" s="29">
        <f t="shared" si="18"/>
        <v>0</v>
      </c>
    </row>
    <row r="327" spans="1:6" x14ac:dyDescent="0.25">
      <c r="A327" s="36" t="s">
        <v>194</v>
      </c>
      <c r="B327" s="61" t="s">
        <v>38</v>
      </c>
      <c r="C327" s="38" t="s">
        <v>17</v>
      </c>
      <c r="D327" s="27"/>
      <c r="E327" s="44">
        <v>0.2</v>
      </c>
      <c r="F327" s="29">
        <f t="shared" si="18"/>
        <v>0</v>
      </c>
    </row>
    <row r="328" spans="1:6" x14ac:dyDescent="0.25">
      <c r="A328" s="36" t="s">
        <v>581</v>
      </c>
      <c r="B328" s="61" t="s">
        <v>38</v>
      </c>
      <c r="C328" s="38" t="s">
        <v>17</v>
      </c>
      <c r="D328" s="27"/>
      <c r="E328" s="44">
        <v>7.0000000000000007E-2</v>
      </c>
      <c r="F328" s="29">
        <f t="shared" si="18"/>
        <v>0</v>
      </c>
    </row>
    <row r="329" spans="1:6" x14ac:dyDescent="0.25">
      <c r="A329" s="36" t="s">
        <v>582</v>
      </c>
      <c r="B329" s="61" t="s">
        <v>38</v>
      </c>
      <c r="C329" s="38" t="s">
        <v>17</v>
      </c>
      <c r="D329" s="27"/>
      <c r="E329" s="44">
        <v>0.37</v>
      </c>
      <c r="F329" s="29">
        <f t="shared" si="18"/>
        <v>0</v>
      </c>
    </row>
    <row r="330" spans="1:6" x14ac:dyDescent="0.25">
      <c r="A330" s="24" t="s">
        <v>594</v>
      </c>
      <c r="B330" s="61" t="s">
        <v>38</v>
      </c>
      <c r="C330" s="38" t="s">
        <v>17</v>
      </c>
      <c r="D330" s="27"/>
      <c r="E330" s="44">
        <v>0.32</v>
      </c>
      <c r="F330" s="29">
        <f t="shared" si="18"/>
        <v>0</v>
      </c>
    </row>
    <row r="331" spans="1:6" x14ac:dyDescent="0.25">
      <c r="A331" s="36" t="s">
        <v>595</v>
      </c>
      <c r="B331" s="61" t="s">
        <v>38</v>
      </c>
      <c r="C331" s="38" t="s">
        <v>17</v>
      </c>
      <c r="D331" s="27"/>
      <c r="E331" s="44">
        <v>0.92</v>
      </c>
      <c r="F331" s="29">
        <f t="shared" si="18"/>
        <v>0</v>
      </c>
    </row>
    <row r="332" spans="1:6" x14ac:dyDescent="0.25">
      <c r="A332" s="36" t="s">
        <v>583</v>
      </c>
      <c r="B332" s="61" t="s">
        <v>38</v>
      </c>
      <c r="C332" s="38" t="s">
        <v>17</v>
      </c>
      <c r="D332" s="27"/>
      <c r="E332" s="44">
        <v>0.158</v>
      </c>
      <c r="F332" s="29">
        <f t="shared" si="18"/>
        <v>0</v>
      </c>
    </row>
    <row r="333" spans="1:6" x14ac:dyDescent="0.25">
      <c r="A333" s="24" t="s">
        <v>584</v>
      </c>
      <c r="B333" s="61" t="s">
        <v>38</v>
      </c>
      <c r="C333" s="38" t="s">
        <v>17</v>
      </c>
      <c r="D333" s="27"/>
      <c r="E333" s="44">
        <v>0.40400000000000003</v>
      </c>
      <c r="F333" s="29">
        <f t="shared" si="18"/>
        <v>0</v>
      </c>
    </row>
    <row r="334" spans="1:6" s="1" customFormat="1" x14ac:dyDescent="0.25">
      <c r="A334" s="24" t="s">
        <v>1429</v>
      </c>
      <c r="B334" s="61" t="s">
        <v>38</v>
      </c>
      <c r="C334" s="38" t="s">
        <v>20</v>
      </c>
      <c r="D334" s="27"/>
      <c r="E334" s="44">
        <v>23.44</v>
      </c>
      <c r="F334" s="29">
        <f t="shared" si="18"/>
        <v>0</v>
      </c>
    </row>
    <row r="335" spans="1:6" x14ac:dyDescent="0.25">
      <c r="A335" s="36" t="s">
        <v>585</v>
      </c>
      <c r="B335" s="61" t="s">
        <v>38</v>
      </c>
      <c r="C335" s="38" t="s">
        <v>16</v>
      </c>
      <c r="D335" s="27"/>
      <c r="E335" s="44">
        <v>0.35</v>
      </c>
      <c r="F335" s="29">
        <f t="shared" si="18"/>
        <v>0</v>
      </c>
    </row>
    <row r="336" spans="1:6" x14ac:dyDescent="0.25">
      <c r="A336" s="24" t="s">
        <v>586</v>
      </c>
      <c r="B336" s="61" t="s">
        <v>38</v>
      </c>
      <c r="C336" s="38" t="s">
        <v>17</v>
      </c>
      <c r="D336" s="27"/>
      <c r="E336" s="44">
        <v>2.1999999999999999E-2</v>
      </c>
      <c r="F336" s="29">
        <f t="shared" si="18"/>
        <v>0</v>
      </c>
    </row>
    <row r="337" spans="1:7" x14ac:dyDescent="0.25">
      <c r="A337" s="36" t="s">
        <v>587</v>
      </c>
      <c r="B337" s="61" t="s">
        <v>38</v>
      </c>
      <c r="C337" s="38" t="s">
        <v>17</v>
      </c>
      <c r="D337" s="27"/>
      <c r="E337" s="44">
        <v>1.7999999999999999E-2</v>
      </c>
      <c r="F337" s="29">
        <f t="shared" si="18"/>
        <v>0</v>
      </c>
    </row>
    <row r="338" spans="1:7" s="1" customFormat="1" x14ac:dyDescent="0.25">
      <c r="A338" s="36" t="s">
        <v>1189</v>
      </c>
      <c r="B338" s="61" t="s">
        <v>38</v>
      </c>
      <c r="C338" s="38" t="s">
        <v>19</v>
      </c>
      <c r="D338" s="27"/>
      <c r="E338" s="44">
        <v>1.2999000000000001</v>
      </c>
      <c r="F338" s="29">
        <f t="shared" si="18"/>
        <v>0</v>
      </c>
    </row>
    <row r="339" spans="1:7" x14ac:dyDescent="0.25">
      <c r="A339" s="24" t="s">
        <v>1190</v>
      </c>
      <c r="B339" s="61" t="s">
        <v>38</v>
      </c>
      <c r="C339" s="38" t="s">
        <v>17</v>
      </c>
      <c r="D339" s="27"/>
      <c r="E339" s="44">
        <v>1.6</v>
      </c>
      <c r="F339" s="29">
        <f t="shared" si="18"/>
        <v>0</v>
      </c>
    </row>
    <row r="340" spans="1:7" x14ac:dyDescent="0.25">
      <c r="A340" s="36" t="s">
        <v>588</v>
      </c>
      <c r="B340" s="61" t="s">
        <v>38</v>
      </c>
      <c r="C340" s="38" t="s">
        <v>17</v>
      </c>
      <c r="D340" s="27"/>
      <c r="E340" s="44">
        <v>0.2</v>
      </c>
      <c r="F340" s="29">
        <f t="shared" si="18"/>
        <v>0</v>
      </c>
    </row>
    <row r="341" spans="1:7" s="1" customFormat="1" x14ac:dyDescent="0.25">
      <c r="A341" s="36" t="s">
        <v>1188</v>
      </c>
      <c r="B341" s="61" t="s">
        <v>38</v>
      </c>
      <c r="C341" s="38" t="s">
        <v>25</v>
      </c>
      <c r="D341" s="27"/>
      <c r="E341" s="44">
        <v>13.83</v>
      </c>
      <c r="F341" s="29">
        <f t="shared" si="18"/>
        <v>0</v>
      </c>
      <c r="G341" s="23"/>
    </row>
    <row r="342" spans="1:7" x14ac:dyDescent="0.25">
      <c r="A342" s="36" t="s">
        <v>589</v>
      </c>
      <c r="B342" s="61" t="s">
        <v>38</v>
      </c>
      <c r="C342" s="38" t="s">
        <v>17</v>
      </c>
      <c r="D342" s="27"/>
      <c r="E342" s="44">
        <v>0.10299999999999999</v>
      </c>
      <c r="F342" s="29">
        <f t="shared" si="18"/>
        <v>0</v>
      </c>
    </row>
    <row r="343" spans="1:7" x14ac:dyDescent="0.25">
      <c r="A343" s="36" t="s">
        <v>590</v>
      </c>
      <c r="B343" s="61" t="s">
        <v>38</v>
      </c>
      <c r="C343" s="38" t="s">
        <v>17</v>
      </c>
      <c r="D343" s="27"/>
      <c r="E343" s="44">
        <v>2.7E-2</v>
      </c>
      <c r="F343" s="29">
        <f t="shared" si="18"/>
        <v>0</v>
      </c>
    </row>
    <row r="344" spans="1:7" x14ac:dyDescent="0.25">
      <c r="A344" s="36" t="s">
        <v>591</v>
      </c>
      <c r="B344" s="61" t="s">
        <v>38</v>
      </c>
      <c r="C344" s="38" t="s">
        <v>17</v>
      </c>
      <c r="D344" s="27"/>
      <c r="E344" s="44">
        <v>0.03</v>
      </c>
      <c r="F344" s="29">
        <f t="shared" si="18"/>
        <v>0</v>
      </c>
    </row>
    <row r="345" spans="1:7" x14ac:dyDescent="0.25">
      <c r="A345" s="36" t="s">
        <v>592</v>
      </c>
      <c r="B345" s="61" t="s">
        <v>38</v>
      </c>
      <c r="C345" s="38" t="s">
        <v>17</v>
      </c>
      <c r="D345" s="27"/>
      <c r="E345" s="44">
        <v>0.1144</v>
      </c>
      <c r="F345" s="29">
        <f t="shared" si="18"/>
        <v>0</v>
      </c>
    </row>
    <row r="346" spans="1:7" x14ac:dyDescent="0.25">
      <c r="A346" s="24" t="s">
        <v>596</v>
      </c>
      <c r="B346" s="61" t="s">
        <v>38</v>
      </c>
      <c r="C346" s="38" t="s">
        <v>17</v>
      </c>
      <c r="D346" s="27"/>
      <c r="E346" s="44">
        <v>0.14000000000000001</v>
      </c>
      <c r="F346" s="29">
        <f t="shared" si="18"/>
        <v>0</v>
      </c>
    </row>
    <row r="347" spans="1:7" x14ac:dyDescent="0.25">
      <c r="A347" s="36" t="s">
        <v>158</v>
      </c>
      <c r="B347" s="61"/>
      <c r="C347" s="38"/>
      <c r="D347" s="27"/>
      <c r="E347" s="44"/>
      <c r="F347" s="29">
        <f t="shared" ref="F347:F374" si="19">SUM(D347*E347)</f>
        <v>0</v>
      </c>
    </row>
    <row r="348" spans="1:7" x14ac:dyDescent="0.25">
      <c r="A348" s="53" t="s">
        <v>39</v>
      </c>
      <c r="B348" s="61"/>
      <c r="C348" s="38"/>
      <c r="D348" s="27"/>
      <c r="E348" s="44"/>
      <c r="F348" s="29">
        <f t="shared" si="19"/>
        <v>0</v>
      </c>
    </row>
    <row r="349" spans="1:7" x14ac:dyDescent="0.25">
      <c r="A349" s="36" t="s">
        <v>1034</v>
      </c>
      <c r="B349" s="61" t="s">
        <v>40</v>
      </c>
      <c r="C349" s="38" t="s">
        <v>18</v>
      </c>
      <c r="D349" s="27"/>
      <c r="E349" s="44">
        <v>1.57</v>
      </c>
      <c r="F349" s="29">
        <f t="shared" ref="F349:F372" si="20">SUM(D349*E349)</f>
        <v>0</v>
      </c>
    </row>
    <row r="350" spans="1:7" x14ac:dyDescent="0.25">
      <c r="A350" s="24" t="s">
        <v>1035</v>
      </c>
      <c r="B350" s="61" t="s">
        <v>40</v>
      </c>
      <c r="C350" s="38" t="s">
        <v>18</v>
      </c>
      <c r="D350" s="27"/>
      <c r="E350" s="44">
        <v>1.72</v>
      </c>
      <c r="F350" s="29">
        <f t="shared" si="20"/>
        <v>0</v>
      </c>
    </row>
    <row r="351" spans="1:7" x14ac:dyDescent="0.25">
      <c r="A351" s="24" t="s">
        <v>1052</v>
      </c>
      <c r="B351" s="61" t="s">
        <v>40</v>
      </c>
      <c r="C351" s="38" t="s">
        <v>17</v>
      </c>
      <c r="D351" s="27"/>
      <c r="E351" s="44">
        <v>3.4000000000000002E-2</v>
      </c>
      <c r="F351" s="29">
        <f t="shared" si="20"/>
        <v>0</v>
      </c>
    </row>
    <row r="352" spans="1:7" x14ac:dyDescent="0.25">
      <c r="A352" s="24" t="s">
        <v>1036</v>
      </c>
      <c r="B352" s="61" t="s">
        <v>40</v>
      </c>
      <c r="C352" s="38" t="s">
        <v>18</v>
      </c>
      <c r="D352" s="27"/>
      <c r="E352" s="44">
        <v>6.8</v>
      </c>
      <c r="F352" s="29">
        <f t="shared" si="20"/>
        <v>0</v>
      </c>
    </row>
    <row r="353" spans="1:6" x14ac:dyDescent="0.25">
      <c r="A353" s="36" t="s">
        <v>1037</v>
      </c>
      <c r="B353" s="61" t="s">
        <v>40</v>
      </c>
      <c r="C353" s="38" t="s">
        <v>17</v>
      </c>
      <c r="D353" s="27"/>
      <c r="E353" s="44">
        <v>0.13350000000000001</v>
      </c>
      <c r="F353" s="29">
        <f t="shared" si="20"/>
        <v>0</v>
      </c>
    </row>
    <row r="354" spans="1:6" x14ac:dyDescent="0.25">
      <c r="A354" s="24" t="s">
        <v>1038</v>
      </c>
      <c r="B354" s="61" t="s">
        <v>40</v>
      </c>
      <c r="C354" s="38" t="s">
        <v>17</v>
      </c>
      <c r="D354" s="27"/>
      <c r="E354" s="44">
        <v>0.21</v>
      </c>
      <c r="F354" s="29">
        <f t="shared" si="20"/>
        <v>0</v>
      </c>
    </row>
    <row r="355" spans="1:6" x14ac:dyDescent="0.25">
      <c r="A355" s="24" t="s">
        <v>1053</v>
      </c>
      <c r="B355" s="61" t="s">
        <v>40</v>
      </c>
      <c r="C355" s="38" t="s">
        <v>17</v>
      </c>
      <c r="D355" s="27"/>
      <c r="E355" s="44">
        <v>0.17</v>
      </c>
      <c r="F355" s="29">
        <f t="shared" si="20"/>
        <v>0</v>
      </c>
    </row>
    <row r="356" spans="1:6" x14ac:dyDescent="0.25">
      <c r="A356" s="24" t="s">
        <v>1039</v>
      </c>
      <c r="B356" s="61" t="s">
        <v>40</v>
      </c>
      <c r="C356" s="38" t="s">
        <v>17</v>
      </c>
      <c r="D356" s="27"/>
      <c r="E356" s="44">
        <v>0.16</v>
      </c>
      <c r="F356" s="29">
        <f t="shared" si="20"/>
        <v>0</v>
      </c>
    </row>
    <row r="357" spans="1:6" x14ac:dyDescent="0.25">
      <c r="A357" s="24" t="s">
        <v>195</v>
      </c>
      <c r="B357" s="61" t="s">
        <v>40</v>
      </c>
      <c r="C357" s="38" t="s">
        <v>16</v>
      </c>
      <c r="D357" s="27"/>
      <c r="E357" s="44">
        <v>0.78</v>
      </c>
      <c r="F357" s="29">
        <f t="shared" si="20"/>
        <v>0</v>
      </c>
    </row>
    <row r="358" spans="1:6" x14ac:dyDescent="0.25">
      <c r="A358" s="24" t="s">
        <v>1040</v>
      </c>
      <c r="B358" s="61" t="s">
        <v>40</v>
      </c>
      <c r="C358" s="38" t="s">
        <v>18</v>
      </c>
      <c r="D358" s="27"/>
      <c r="E358" s="44">
        <v>2.04</v>
      </c>
      <c r="F358" s="29">
        <f t="shared" si="20"/>
        <v>0</v>
      </c>
    </row>
    <row r="359" spans="1:6" x14ac:dyDescent="0.25">
      <c r="A359" s="24" t="s">
        <v>1041</v>
      </c>
      <c r="B359" s="61" t="s">
        <v>40</v>
      </c>
      <c r="C359" s="38" t="s">
        <v>17</v>
      </c>
      <c r="D359" s="27"/>
      <c r="E359" s="44">
        <v>0.13880000000000001</v>
      </c>
      <c r="F359" s="29">
        <f t="shared" si="20"/>
        <v>0</v>
      </c>
    </row>
    <row r="360" spans="1:6" x14ac:dyDescent="0.25">
      <c r="A360" s="24" t="s">
        <v>1042</v>
      </c>
      <c r="B360" s="61" t="s">
        <v>40</v>
      </c>
      <c r="C360" s="38" t="s">
        <v>25</v>
      </c>
      <c r="D360" s="27"/>
      <c r="E360" s="44">
        <v>12.75</v>
      </c>
      <c r="F360" s="29">
        <f t="shared" si="20"/>
        <v>0</v>
      </c>
    </row>
    <row r="361" spans="1:6" x14ac:dyDescent="0.25">
      <c r="A361" s="24" t="s">
        <v>1043</v>
      </c>
      <c r="B361" s="61" t="s">
        <v>40</v>
      </c>
      <c r="C361" s="38" t="s">
        <v>17</v>
      </c>
      <c r="D361" s="27"/>
      <c r="E361" s="44">
        <v>0.11</v>
      </c>
      <c r="F361" s="29">
        <f t="shared" si="20"/>
        <v>0</v>
      </c>
    </row>
    <row r="362" spans="1:6" x14ac:dyDescent="0.25">
      <c r="A362" s="24" t="s">
        <v>1044</v>
      </c>
      <c r="B362" s="61" t="s">
        <v>40</v>
      </c>
      <c r="C362" s="38" t="s">
        <v>17</v>
      </c>
      <c r="D362" s="27"/>
      <c r="E362" s="44">
        <v>3.4000000000000002E-2</v>
      </c>
      <c r="F362" s="29">
        <f t="shared" si="20"/>
        <v>0</v>
      </c>
    </row>
    <row r="363" spans="1:6" x14ac:dyDescent="0.25">
      <c r="A363" s="24" t="s">
        <v>1045</v>
      </c>
      <c r="B363" s="61" t="s">
        <v>40</v>
      </c>
      <c r="C363" s="38" t="s">
        <v>18</v>
      </c>
      <c r="D363" s="27"/>
      <c r="E363" s="44">
        <v>1.88</v>
      </c>
      <c r="F363" s="29">
        <f t="shared" si="20"/>
        <v>0</v>
      </c>
    </row>
    <row r="364" spans="1:6" x14ac:dyDescent="0.25">
      <c r="A364" s="24" t="s">
        <v>1046</v>
      </c>
      <c r="B364" s="61" t="s">
        <v>40</v>
      </c>
      <c r="C364" s="38" t="s">
        <v>17</v>
      </c>
      <c r="D364" s="27"/>
      <c r="E364" s="44">
        <v>0.25</v>
      </c>
      <c r="F364" s="29">
        <f t="shared" si="20"/>
        <v>0</v>
      </c>
    </row>
    <row r="365" spans="1:6" x14ac:dyDescent="0.25">
      <c r="A365" s="36" t="s">
        <v>1047</v>
      </c>
      <c r="B365" s="61" t="s">
        <v>40</v>
      </c>
      <c r="C365" s="38" t="s">
        <v>17</v>
      </c>
      <c r="D365" s="27"/>
      <c r="E365" s="44">
        <v>0.51</v>
      </c>
      <c r="F365" s="29">
        <f t="shared" si="20"/>
        <v>0</v>
      </c>
    </row>
    <row r="366" spans="1:6" x14ac:dyDescent="0.25">
      <c r="A366" s="24" t="s">
        <v>1048</v>
      </c>
      <c r="B366" s="61" t="s">
        <v>40</v>
      </c>
      <c r="C366" s="38" t="s">
        <v>16</v>
      </c>
      <c r="D366" s="27"/>
      <c r="E366" s="44">
        <v>0.26</v>
      </c>
      <c r="F366" s="29">
        <f t="shared" si="20"/>
        <v>0</v>
      </c>
    </row>
    <row r="367" spans="1:6" x14ac:dyDescent="0.25">
      <c r="A367" s="24" t="s">
        <v>1049</v>
      </c>
      <c r="B367" s="61" t="s">
        <v>40</v>
      </c>
      <c r="C367" s="38" t="s">
        <v>20</v>
      </c>
      <c r="D367" s="27"/>
      <c r="E367" s="44">
        <v>3.68</v>
      </c>
      <c r="F367" s="29">
        <f t="shared" si="20"/>
        <v>0</v>
      </c>
    </row>
    <row r="368" spans="1:6" s="1" customFormat="1" x14ac:dyDescent="0.25">
      <c r="A368" s="24" t="s">
        <v>1050</v>
      </c>
      <c r="B368" s="61" t="s">
        <v>40</v>
      </c>
      <c r="C368" s="38" t="s">
        <v>25</v>
      </c>
      <c r="D368" s="27"/>
      <c r="E368" s="44">
        <v>5.88</v>
      </c>
      <c r="F368" s="29">
        <f t="shared" si="20"/>
        <v>0</v>
      </c>
    </row>
    <row r="369" spans="1:6" x14ac:dyDescent="0.25">
      <c r="A369" s="24" t="s">
        <v>1430</v>
      </c>
      <c r="B369" s="61" t="s">
        <v>40</v>
      </c>
      <c r="C369" s="38" t="s">
        <v>16</v>
      </c>
      <c r="D369" s="27"/>
      <c r="E369" s="44">
        <v>6.75</v>
      </c>
      <c r="F369" s="29">
        <f t="shared" si="20"/>
        <v>0</v>
      </c>
    </row>
    <row r="370" spans="1:6" x14ac:dyDescent="0.25">
      <c r="A370" s="36" t="s">
        <v>1033</v>
      </c>
      <c r="B370" s="61" t="s">
        <v>40</v>
      </c>
      <c r="C370" s="38" t="s">
        <v>18</v>
      </c>
      <c r="D370" s="27"/>
      <c r="E370" s="44">
        <v>3.9</v>
      </c>
      <c r="F370" s="29">
        <f t="shared" si="20"/>
        <v>0</v>
      </c>
    </row>
    <row r="371" spans="1:6" x14ac:dyDescent="0.25">
      <c r="A371" s="36" t="s">
        <v>1191</v>
      </c>
      <c r="B371" s="61" t="s">
        <v>40</v>
      </c>
      <c r="C371" s="38" t="s">
        <v>41</v>
      </c>
      <c r="D371" s="27"/>
      <c r="E371" s="44">
        <v>24.45</v>
      </c>
      <c r="F371" s="29">
        <f t="shared" si="20"/>
        <v>0</v>
      </c>
    </row>
    <row r="372" spans="1:6" x14ac:dyDescent="0.25">
      <c r="A372" s="24" t="s">
        <v>1051</v>
      </c>
      <c r="B372" s="61" t="s">
        <v>40</v>
      </c>
      <c r="C372" s="38" t="s">
        <v>18</v>
      </c>
      <c r="D372" s="27"/>
      <c r="E372" s="44">
        <v>0.73499999999999999</v>
      </c>
      <c r="F372" s="29">
        <f t="shared" si="20"/>
        <v>0</v>
      </c>
    </row>
    <row r="373" spans="1:6" x14ac:dyDescent="0.25">
      <c r="A373" s="36" t="s">
        <v>158</v>
      </c>
      <c r="B373" s="61"/>
      <c r="C373" s="38"/>
      <c r="D373" s="27"/>
      <c r="E373" s="44"/>
      <c r="F373" s="29">
        <f t="shared" si="19"/>
        <v>0</v>
      </c>
    </row>
    <row r="374" spans="1:6" x14ac:dyDescent="0.25">
      <c r="A374" s="53" t="s">
        <v>43</v>
      </c>
      <c r="B374" s="61"/>
      <c r="C374" s="38"/>
      <c r="D374" s="27"/>
      <c r="E374" s="44"/>
      <c r="F374" s="29">
        <f t="shared" si="19"/>
        <v>0</v>
      </c>
    </row>
    <row r="375" spans="1:6" x14ac:dyDescent="0.25">
      <c r="A375" s="36" t="s">
        <v>1069</v>
      </c>
      <c r="B375" s="61" t="s">
        <v>44</v>
      </c>
      <c r="C375" s="38" t="s">
        <v>17</v>
      </c>
      <c r="D375" s="27"/>
      <c r="E375" s="44">
        <v>0.18</v>
      </c>
      <c r="F375" s="29">
        <f t="shared" ref="F375:F422" si="21">SUM(D375*E375)</f>
        <v>0</v>
      </c>
    </row>
    <row r="376" spans="1:6" x14ac:dyDescent="0.25">
      <c r="A376" s="24" t="s">
        <v>1070</v>
      </c>
      <c r="B376" s="61" t="s">
        <v>44</v>
      </c>
      <c r="C376" s="38" t="s">
        <v>17</v>
      </c>
      <c r="D376" s="27"/>
      <c r="E376" s="44">
        <v>0.12</v>
      </c>
      <c r="F376" s="29">
        <f t="shared" si="21"/>
        <v>0</v>
      </c>
    </row>
    <row r="377" spans="1:6" x14ac:dyDescent="0.25">
      <c r="A377" s="24" t="s">
        <v>1071</v>
      </c>
      <c r="B377" s="61" t="s">
        <v>44</v>
      </c>
      <c r="C377" s="38" t="s">
        <v>17</v>
      </c>
      <c r="D377" s="27"/>
      <c r="E377" s="44">
        <v>0.31900000000000001</v>
      </c>
      <c r="F377" s="29">
        <f t="shared" si="21"/>
        <v>0</v>
      </c>
    </row>
    <row r="378" spans="1:6" x14ac:dyDescent="0.25">
      <c r="A378" s="24" t="s">
        <v>1054</v>
      </c>
      <c r="B378" s="61" t="s">
        <v>44</v>
      </c>
      <c r="C378" s="38" t="s">
        <v>16</v>
      </c>
      <c r="D378" s="27"/>
      <c r="E378" s="44">
        <v>2.4500000000000002</v>
      </c>
      <c r="F378" s="29">
        <f t="shared" si="21"/>
        <v>0</v>
      </c>
    </row>
    <row r="379" spans="1:6" x14ac:dyDescent="0.25">
      <c r="A379" s="36" t="s">
        <v>1055</v>
      </c>
      <c r="B379" s="61" t="s">
        <v>44</v>
      </c>
      <c r="C379" s="38" t="s">
        <v>16</v>
      </c>
      <c r="D379" s="27"/>
      <c r="E379" s="44">
        <v>1.25</v>
      </c>
      <c r="F379" s="29">
        <f t="shared" si="21"/>
        <v>0</v>
      </c>
    </row>
    <row r="380" spans="1:6" x14ac:dyDescent="0.25">
      <c r="A380" s="24" t="s">
        <v>1056</v>
      </c>
      <c r="B380" s="61" t="s">
        <v>44</v>
      </c>
      <c r="C380" s="38" t="s">
        <v>20</v>
      </c>
      <c r="D380" s="27"/>
      <c r="E380" s="44">
        <v>33</v>
      </c>
      <c r="F380" s="29">
        <f t="shared" si="21"/>
        <v>0</v>
      </c>
    </row>
    <row r="381" spans="1:6" x14ac:dyDescent="0.25">
      <c r="A381" s="24" t="s">
        <v>1072</v>
      </c>
      <c r="B381" s="61" t="s">
        <v>44</v>
      </c>
      <c r="C381" s="38" t="s">
        <v>17</v>
      </c>
      <c r="D381" s="27"/>
      <c r="E381" s="44">
        <v>0.16</v>
      </c>
      <c r="F381" s="29">
        <f t="shared" si="21"/>
        <v>0</v>
      </c>
    </row>
    <row r="382" spans="1:6" x14ac:dyDescent="0.25">
      <c r="A382" s="36" t="s">
        <v>1057</v>
      </c>
      <c r="B382" s="61" t="s">
        <v>44</v>
      </c>
      <c r="C382" s="38" t="s">
        <v>17</v>
      </c>
      <c r="D382" s="27"/>
      <c r="E382" s="44">
        <v>0.16</v>
      </c>
      <c r="F382" s="29">
        <f t="shared" si="21"/>
        <v>0</v>
      </c>
    </row>
    <row r="383" spans="1:6" x14ac:dyDescent="0.25">
      <c r="A383" s="24" t="s">
        <v>1073</v>
      </c>
      <c r="B383" s="61" t="s">
        <v>44</v>
      </c>
      <c r="C383" s="38" t="s">
        <v>18</v>
      </c>
      <c r="D383" s="27"/>
      <c r="E383" s="44">
        <v>4.55</v>
      </c>
      <c r="F383" s="29">
        <f t="shared" si="21"/>
        <v>0</v>
      </c>
    </row>
    <row r="384" spans="1:6" x14ac:dyDescent="0.25">
      <c r="A384" s="24" t="s">
        <v>1075</v>
      </c>
      <c r="B384" s="61" t="s">
        <v>44</v>
      </c>
      <c r="C384" s="38" t="s">
        <v>17</v>
      </c>
      <c r="D384" s="27"/>
      <c r="E384" s="44">
        <v>1.86</v>
      </c>
      <c r="F384" s="29">
        <f t="shared" si="21"/>
        <v>0</v>
      </c>
    </row>
    <row r="385" spans="1:6" x14ac:dyDescent="0.25">
      <c r="A385" s="24" t="s">
        <v>1074</v>
      </c>
      <c r="B385" s="61" t="s">
        <v>44</v>
      </c>
      <c r="C385" s="38" t="s">
        <v>17</v>
      </c>
      <c r="D385" s="27"/>
      <c r="E385" s="44">
        <v>0.64</v>
      </c>
      <c r="F385" s="29">
        <f t="shared" si="21"/>
        <v>0</v>
      </c>
    </row>
    <row r="386" spans="1:6" x14ac:dyDescent="0.25">
      <c r="A386" s="36" t="s">
        <v>1193</v>
      </c>
      <c r="B386" s="61" t="s">
        <v>44</v>
      </c>
      <c r="C386" s="38" t="s">
        <v>20</v>
      </c>
      <c r="D386" s="27"/>
      <c r="E386" s="44">
        <v>10.4</v>
      </c>
      <c r="F386" s="29">
        <f t="shared" si="21"/>
        <v>0</v>
      </c>
    </row>
    <row r="387" spans="1:6" x14ac:dyDescent="0.25">
      <c r="A387" s="36" t="s">
        <v>1058</v>
      </c>
      <c r="B387" s="61" t="s">
        <v>44</v>
      </c>
      <c r="C387" s="38" t="s">
        <v>20</v>
      </c>
      <c r="D387" s="27"/>
      <c r="E387" s="44">
        <v>6.68</v>
      </c>
      <c r="F387" s="29">
        <f t="shared" si="21"/>
        <v>0</v>
      </c>
    </row>
    <row r="388" spans="1:6" x14ac:dyDescent="0.25">
      <c r="A388" s="24" t="s">
        <v>1076</v>
      </c>
      <c r="B388" s="61" t="s">
        <v>44</v>
      </c>
      <c r="C388" s="38" t="s">
        <v>17</v>
      </c>
      <c r="D388" s="27"/>
      <c r="E388" s="44">
        <v>0.18</v>
      </c>
      <c r="F388" s="29">
        <f t="shared" si="21"/>
        <v>0</v>
      </c>
    </row>
    <row r="389" spans="1:6" x14ac:dyDescent="0.25">
      <c r="A389" s="24" t="s">
        <v>1077</v>
      </c>
      <c r="B389" s="61" t="s">
        <v>44</v>
      </c>
      <c r="C389" s="38" t="s">
        <v>16</v>
      </c>
      <c r="D389" s="27"/>
      <c r="E389" s="44">
        <v>1.74</v>
      </c>
      <c r="F389" s="29">
        <f t="shared" si="21"/>
        <v>0</v>
      </c>
    </row>
    <row r="390" spans="1:6" x14ac:dyDescent="0.25">
      <c r="A390" s="24" t="s">
        <v>1078</v>
      </c>
      <c r="B390" s="61" t="s">
        <v>44</v>
      </c>
      <c r="C390" s="38" t="s">
        <v>17</v>
      </c>
      <c r="D390" s="27"/>
      <c r="E390" s="44">
        <v>0.08</v>
      </c>
      <c r="F390" s="29">
        <f t="shared" si="21"/>
        <v>0</v>
      </c>
    </row>
    <row r="391" spans="1:6" x14ac:dyDescent="0.25">
      <c r="A391" s="24" t="s">
        <v>1079</v>
      </c>
      <c r="B391" s="61" t="s">
        <v>44</v>
      </c>
      <c r="C391" s="38" t="s">
        <v>18</v>
      </c>
      <c r="D391" s="27"/>
      <c r="E391" s="44">
        <v>2.4500000000000002</v>
      </c>
      <c r="F391" s="29">
        <f t="shared" si="21"/>
        <v>0</v>
      </c>
    </row>
    <row r="392" spans="1:6" x14ac:dyDescent="0.25">
      <c r="A392" s="24" t="s">
        <v>196</v>
      </c>
      <c r="B392" s="61" t="s">
        <v>44</v>
      </c>
      <c r="C392" s="38" t="s">
        <v>20</v>
      </c>
      <c r="D392" s="27"/>
      <c r="E392" s="44">
        <v>33</v>
      </c>
      <c r="F392" s="29">
        <f t="shared" si="21"/>
        <v>0</v>
      </c>
    </row>
    <row r="393" spans="1:6" x14ac:dyDescent="0.25">
      <c r="A393" s="36" t="s">
        <v>1059</v>
      </c>
      <c r="B393" s="61" t="s">
        <v>44</v>
      </c>
      <c r="C393" s="38" t="s">
        <v>16</v>
      </c>
      <c r="D393" s="27"/>
      <c r="E393" s="44">
        <v>1.07</v>
      </c>
      <c r="F393" s="29">
        <f t="shared" si="21"/>
        <v>0</v>
      </c>
    </row>
    <row r="394" spans="1:6" x14ac:dyDescent="0.25">
      <c r="A394" s="36" t="s">
        <v>1060</v>
      </c>
      <c r="B394" s="61" t="s">
        <v>44</v>
      </c>
      <c r="C394" s="38" t="s">
        <v>556</v>
      </c>
      <c r="D394" s="27"/>
      <c r="E394" s="44">
        <v>0.99</v>
      </c>
      <c r="F394" s="29">
        <f t="shared" si="21"/>
        <v>0</v>
      </c>
    </row>
    <row r="395" spans="1:6" x14ac:dyDescent="0.25">
      <c r="A395" s="36" t="s">
        <v>1061</v>
      </c>
      <c r="B395" s="61" t="s">
        <v>44</v>
      </c>
      <c r="C395" s="38" t="s">
        <v>16</v>
      </c>
      <c r="D395" s="27"/>
      <c r="E395" s="44">
        <v>4.49</v>
      </c>
      <c r="F395" s="29">
        <f t="shared" si="21"/>
        <v>0</v>
      </c>
    </row>
    <row r="396" spans="1:6" x14ac:dyDescent="0.25">
      <c r="A396" s="24" t="s">
        <v>1081</v>
      </c>
      <c r="B396" s="61" t="s">
        <v>44</v>
      </c>
      <c r="C396" s="38" t="s">
        <v>17</v>
      </c>
      <c r="D396" s="27"/>
      <c r="E396" s="44">
        <v>0.1</v>
      </c>
      <c r="F396" s="29">
        <f t="shared" si="21"/>
        <v>0</v>
      </c>
    </row>
    <row r="397" spans="1:6" x14ac:dyDescent="0.25">
      <c r="A397" s="24" t="s">
        <v>1082</v>
      </c>
      <c r="B397" s="61" t="s">
        <v>44</v>
      </c>
      <c r="C397" s="38" t="s">
        <v>17</v>
      </c>
      <c r="D397" s="27"/>
      <c r="E397" s="44">
        <v>7.0000000000000007E-2</v>
      </c>
      <c r="F397" s="29">
        <f t="shared" si="21"/>
        <v>0</v>
      </c>
    </row>
    <row r="398" spans="1:6" x14ac:dyDescent="0.25">
      <c r="A398" s="24" t="s">
        <v>1080</v>
      </c>
      <c r="B398" s="61" t="s">
        <v>44</v>
      </c>
      <c r="C398" s="38" t="s">
        <v>16</v>
      </c>
      <c r="D398" s="27"/>
      <c r="E398" s="44">
        <v>6.3</v>
      </c>
      <c r="F398" s="29">
        <f t="shared" si="21"/>
        <v>0</v>
      </c>
    </row>
    <row r="399" spans="1:6" x14ac:dyDescent="0.25">
      <c r="A399" s="36" t="s">
        <v>1063</v>
      </c>
      <c r="B399" s="61" t="s">
        <v>44</v>
      </c>
      <c r="C399" s="38" t="s">
        <v>16</v>
      </c>
      <c r="D399" s="27"/>
      <c r="E399" s="44">
        <v>8.9499999999999993</v>
      </c>
      <c r="F399" s="29">
        <f t="shared" si="21"/>
        <v>0</v>
      </c>
    </row>
    <row r="400" spans="1:6" x14ac:dyDescent="0.25">
      <c r="A400" s="24" t="s">
        <v>1062</v>
      </c>
      <c r="B400" s="61" t="s">
        <v>44</v>
      </c>
      <c r="C400" s="38" t="s">
        <v>16</v>
      </c>
      <c r="D400" s="27"/>
      <c r="E400" s="44">
        <v>4.01</v>
      </c>
      <c r="F400" s="29">
        <f t="shared" si="21"/>
        <v>0</v>
      </c>
    </row>
    <row r="401" spans="1:6" x14ac:dyDescent="0.25">
      <c r="A401" s="24" t="s">
        <v>1083</v>
      </c>
      <c r="B401" s="61" t="s">
        <v>44</v>
      </c>
      <c r="C401" s="38" t="s">
        <v>17</v>
      </c>
      <c r="D401" s="27"/>
      <c r="E401" s="44">
        <v>0.22</v>
      </c>
      <c r="F401" s="29">
        <f t="shared" si="21"/>
        <v>0</v>
      </c>
    </row>
    <row r="402" spans="1:6" x14ac:dyDescent="0.25">
      <c r="A402" s="24" t="s">
        <v>1086</v>
      </c>
      <c r="B402" s="61" t="s">
        <v>44</v>
      </c>
      <c r="C402" s="38" t="s">
        <v>17</v>
      </c>
      <c r="D402" s="27"/>
      <c r="E402" s="44">
        <v>0.6</v>
      </c>
      <c r="F402" s="29">
        <f t="shared" si="21"/>
        <v>0</v>
      </c>
    </row>
    <row r="403" spans="1:6" x14ac:dyDescent="0.25">
      <c r="A403" s="24" t="s">
        <v>1087</v>
      </c>
      <c r="B403" s="61" t="s">
        <v>44</v>
      </c>
      <c r="C403" s="38" t="s">
        <v>17</v>
      </c>
      <c r="D403" s="27"/>
      <c r="E403" s="44">
        <v>0.28000000000000003</v>
      </c>
      <c r="F403" s="29">
        <f t="shared" si="21"/>
        <v>0</v>
      </c>
    </row>
    <row r="404" spans="1:6" x14ac:dyDescent="0.25">
      <c r="A404" s="24" t="s">
        <v>1084</v>
      </c>
      <c r="B404" s="61" t="s">
        <v>44</v>
      </c>
      <c r="C404" s="38" t="s">
        <v>18</v>
      </c>
      <c r="D404" s="27"/>
      <c r="E404" s="44">
        <v>7.1</v>
      </c>
      <c r="F404" s="29">
        <f t="shared" si="21"/>
        <v>0</v>
      </c>
    </row>
    <row r="405" spans="1:6" x14ac:dyDescent="0.25">
      <c r="A405" s="24" t="s">
        <v>1064</v>
      </c>
      <c r="B405" s="61" t="s">
        <v>44</v>
      </c>
      <c r="C405" s="38" t="s">
        <v>17</v>
      </c>
      <c r="D405" s="27"/>
      <c r="E405" s="44">
        <v>0.76600000000000001</v>
      </c>
      <c r="F405" s="29">
        <f t="shared" si="21"/>
        <v>0</v>
      </c>
    </row>
    <row r="406" spans="1:6" x14ac:dyDescent="0.25">
      <c r="A406" s="36" t="s">
        <v>1065</v>
      </c>
      <c r="B406" s="61" t="s">
        <v>44</v>
      </c>
      <c r="C406" s="38" t="s">
        <v>17</v>
      </c>
      <c r="D406" s="27"/>
      <c r="E406" s="44">
        <v>0.40300000000000002</v>
      </c>
      <c r="F406" s="29">
        <f t="shared" si="21"/>
        <v>0</v>
      </c>
    </row>
    <row r="407" spans="1:6" x14ac:dyDescent="0.25">
      <c r="A407" s="24" t="s">
        <v>1085</v>
      </c>
      <c r="B407" s="61" t="s">
        <v>44</v>
      </c>
      <c r="C407" s="38" t="s">
        <v>17</v>
      </c>
      <c r="D407" s="27"/>
      <c r="E407" s="44">
        <v>0.97</v>
      </c>
      <c r="F407" s="29">
        <f t="shared" si="21"/>
        <v>0</v>
      </c>
    </row>
    <row r="408" spans="1:6" x14ac:dyDescent="0.25">
      <c r="A408" s="24" t="s">
        <v>1088</v>
      </c>
      <c r="B408" s="61" t="s">
        <v>44</v>
      </c>
      <c r="C408" s="38" t="s">
        <v>17</v>
      </c>
      <c r="D408" s="27"/>
      <c r="E408" s="44">
        <v>0.35899999999999999</v>
      </c>
      <c r="F408" s="29">
        <f t="shared" si="21"/>
        <v>0</v>
      </c>
    </row>
    <row r="409" spans="1:6" x14ac:dyDescent="0.25">
      <c r="A409" s="24" t="s">
        <v>1090</v>
      </c>
      <c r="B409" s="61" t="s">
        <v>44</v>
      </c>
      <c r="C409" s="38" t="s">
        <v>16</v>
      </c>
      <c r="D409" s="27"/>
      <c r="E409" s="44">
        <v>1.52</v>
      </c>
      <c r="F409" s="29">
        <f t="shared" si="21"/>
        <v>0</v>
      </c>
    </row>
    <row r="410" spans="1:6" x14ac:dyDescent="0.25">
      <c r="A410" s="24" t="s">
        <v>1089</v>
      </c>
      <c r="B410" s="61" t="s">
        <v>44</v>
      </c>
      <c r="C410" s="38" t="s">
        <v>18</v>
      </c>
      <c r="D410" s="27"/>
      <c r="E410" s="44">
        <v>18.7</v>
      </c>
      <c r="F410" s="29">
        <f t="shared" si="21"/>
        <v>0</v>
      </c>
    </row>
    <row r="411" spans="1:6" x14ac:dyDescent="0.25">
      <c r="A411" s="24" t="s">
        <v>1091</v>
      </c>
      <c r="B411" s="61" t="s">
        <v>44</v>
      </c>
      <c r="C411" s="38" t="s">
        <v>17</v>
      </c>
      <c r="D411" s="27"/>
      <c r="E411" s="44">
        <v>0.96</v>
      </c>
      <c r="F411" s="29">
        <f t="shared" si="21"/>
        <v>0</v>
      </c>
    </row>
    <row r="412" spans="1:6" x14ac:dyDescent="0.25">
      <c r="A412" s="24" t="s">
        <v>1092</v>
      </c>
      <c r="B412" s="61" t="s">
        <v>44</v>
      </c>
      <c r="C412" s="38" t="s">
        <v>17</v>
      </c>
      <c r="D412" s="27"/>
      <c r="E412" s="44">
        <v>0.11899999999999999</v>
      </c>
      <c r="F412" s="29">
        <f t="shared" si="21"/>
        <v>0</v>
      </c>
    </row>
    <row r="413" spans="1:6" x14ac:dyDescent="0.25">
      <c r="A413" s="24" t="s">
        <v>1066</v>
      </c>
      <c r="B413" s="61" t="s">
        <v>44</v>
      </c>
      <c r="C413" s="38" t="s">
        <v>17</v>
      </c>
      <c r="D413" s="27"/>
      <c r="E413" s="44">
        <v>1.7</v>
      </c>
      <c r="F413" s="29">
        <f t="shared" si="21"/>
        <v>0</v>
      </c>
    </row>
    <row r="414" spans="1:6" s="1" customFormat="1" x14ac:dyDescent="0.25">
      <c r="A414" s="24" t="s">
        <v>1194</v>
      </c>
      <c r="B414" s="61" t="s">
        <v>44</v>
      </c>
      <c r="C414" s="38" t="s">
        <v>17</v>
      </c>
      <c r="D414" s="27"/>
      <c r="E414" s="44">
        <v>9.5000000000000001E-2</v>
      </c>
      <c r="F414" s="29">
        <f t="shared" si="21"/>
        <v>0</v>
      </c>
    </row>
    <row r="415" spans="1:6" x14ac:dyDescent="0.25">
      <c r="A415" s="36" t="s">
        <v>1067</v>
      </c>
      <c r="B415" s="61" t="s">
        <v>44</v>
      </c>
      <c r="C415" s="38" t="s">
        <v>16</v>
      </c>
      <c r="D415" s="27"/>
      <c r="E415" s="44">
        <v>1.29</v>
      </c>
      <c r="F415" s="29">
        <f t="shared" si="21"/>
        <v>0</v>
      </c>
    </row>
    <row r="416" spans="1:6" x14ac:dyDescent="0.25">
      <c r="A416" s="24" t="s">
        <v>1192</v>
      </c>
      <c r="B416" s="61" t="s">
        <v>44</v>
      </c>
      <c r="C416" s="38" t="s">
        <v>17</v>
      </c>
      <c r="D416" s="27"/>
      <c r="E416" s="44">
        <v>0.12</v>
      </c>
      <c r="F416" s="29">
        <f t="shared" si="21"/>
        <v>0</v>
      </c>
    </row>
    <row r="417" spans="1:6" x14ac:dyDescent="0.25">
      <c r="A417" s="24" t="s">
        <v>1093</v>
      </c>
      <c r="B417" s="61" t="s">
        <v>44</v>
      </c>
      <c r="C417" s="38" t="s">
        <v>18</v>
      </c>
      <c r="D417" s="27"/>
      <c r="E417" s="44">
        <v>5.99</v>
      </c>
      <c r="F417" s="29">
        <f t="shared" si="21"/>
        <v>0</v>
      </c>
    </row>
    <row r="418" spans="1:6" x14ac:dyDescent="0.25">
      <c r="A418" s="24" t="s">
        <v>1094</v>
      </c>
      <c r="B418" s="61" t="s">
        <v>44</v>
      </c>
      <c r="C418" s="38" t="s">
        <v>17</v>
      </c>
      <c r="D418" s="27"/>
      <c r="E418" s="44">
        <v>0.12</v>
      </c>
      <c r="F418" s="29">
        <f t="shared" si="21"/>
        <v>0</v>
      </c>
    </row>
    <row r="419" spans="1:6" x14ac:dyDescent="0.25">
      <c r="A419" s="24" t="s">
        <v>1095</v>
      </c>
      <c r="B419" s="61" t="s">
        <v>44</v>
      </c>
      <c r="C419" s="38" t="s">
        <v>17</v>
      </c>
      <c r="D419" s="27"/>
      <c r="E419" s="44">
        <v>0.19</v>
      </c>
      <c r="F419" s="29">
        <f t="shared" si="21"/>
        <v>0</v>
      </c>
    </row>
    <row r="420" spans="1:6" x14ac:dyDescent="0.25">
      <c r="A420" s="24" t="s">
        <v>1068</v>
      </c>
      <c r="B420" s="61" t="s">
        <v>44</v>
      </c>
      <c r="C420" s="38" t="s">
        <v>16</v>
      </c>
      <c r="D420" s="27"/>
      <c r="E420" s="44">
        <v>3.59</v>
      </c>
      <c r="F420" s="29">
        <f t="shared" si="21"/>
        <v>0</v>
      </c>
    </row>
    <row r="421" spans="1:6" x14ac:dyDescent="0.25">
      <c r="A421" s="24" t="s">
        <v>1096</v>
      </c>
      <c r="B421" s="61" t="s">
        <v>44</v>
      </c>
      <c r="C421" s="38" t="s">
        <v>17</v>
      </c>
      <c r="D421" s="27"/>
      <c r="E421" s="44">
        <v>1.55</v>
      </c>
      <c r="F421" s="29">
        <f t="shared" si="21"/>
        <v>0</v>
      </c>
    </row>
    <row r="422" spans="1:6" x14ac:dyDescent="0.25">
      <c r="A422" s="24" t="s">
        <v>1097</v>
      </c>
      <c r="B422" s="61" t="s">
        <v>44</v>
      </c>
      <c r="C422" s="38" t="s">
        <v>18</v>
      </c>
      <c r="D422" s="27"/>
      <c r="E422" s="44">
        <v>29</v>
      </c>
      <c r="F422" s="29">
        <f t="shared" si="21"/>
        <v>0</v>
      </c>
    </row>
    <row r="423" spans="1:6" x14ac:dyDescent="0.25">
      <c r="A423" s="36" t="s">
        <v>158</v>
      </c>
      <c r="B423" s="61"/>
      <c r="C423" s="38"/>
      <c r="D423" s="27"/>
      <c r="E423" s="44"/>
      <c r="F423" s="29">
        <f t="shared" ref="F423:F428" si="22">SUM(D423*E423)</f>
        <v>0</v>
      </c>
    </row>
    <row r="424" spans="1:6" x14ac:dyDescent="0.25">
      <c r="A424" s="58" t="s">
        <v>45</v>
      </c>
      <c r="B424" s="61"/>
      <c r="C424" s="38"/>
      <c r="D424" s="27"/>
      <c r="E424" s="44"/>
      <c r="F424" s="29">
        <f t="shared" si="22"/>
        <v>0</v>
      </c>
    </row>
    <row r="425" spans="1:6" x14ac:dyDescent="0.25">
      <c r="A425" s="36" t="s">
        <v>197</v>
      </c>
      <c r="B425" s="61" t="s">
        <v>46</v>
      </c>
      <c r="C425" s="38" t="s">
        <v>5</v>
      </c>
      <c r="D425" s="27"/>
      <c r="E425" s="44">
        <v>0.5</v>
      </c>
      <c r="F425" s="29">
        <f t="shared" si="22"/>
        <v>0</v>
      </c>
    </row>
    <row r="426" spans="1:6" x14ac:dyDescent="0.25">
      <c r="A426" s="36" t="s">
        <v>198</v>
      </c>
      <c r="B426" s="61" t="s">
        <v>46</v>
      </c>
      <c r="C426" s="38" t="s">
        <v>5</v>
      </c>
      <c r="D426" s="27"/>
      <c r="E426" s="44">
        <v>0.46</v>
      </c>
      <c r="F426" s="29">
        <f t="shared" si="22"/>
        <v>0</v>
      </c>
    </row>
    <row r="427" spans="1:6" x14ac:dyDescent="0.25">
      <c r="A427" s="36" t="s">
        <v>158</v>
      </c>
      <c r="B427" s="61"/>
      <c r="C427" s="38"/>
      <c r="D427" s="27"/>
      <c r="E427" s="44"/>
      <c r="F427" s="29">
        <f t="shared" si="22"/>
        <v>0</v>
      </c>
    </row>
    <row r="428" spans="1:6" x14ac:dyDescent="0.25">
      <c r="A428" s="53" t="s">
        <v>47</v>
      </c>
      <c r="B428" s="61"/>
      <c r="C428" s="38"/>
      <c r="D428" s="27"/>
      <c r="E428" s="44"/>
      <c r="F428" s="29">
        <f t="shared" si="22"/>
        <v>0</v>
      </c>
    </row>
    <row r="429" spans="1:6" x14ac:dyDescent="0.25">
      <c r="A429" s="24" t="s">
        <v>199</v>
      </c>
      <c r="B429" s="61" t="s">
        <v>48</v>
      </c>
      <c r="C429" s="38" t="s">
        <v>18</v>
      </c>
      <c r="D429" s="27"/>
      <c r="E429" s="44">
        <v>45</v>
      </c>
      <c r="F429" s="29">
        <f t="shared" ref="F429:F460" si="23">SUM(D429*E429)</f>
        <v>0</v>
      </c>
    </row>
    <row r="430" spans="1:6" x14ac:dyDescent="0.25">
      <c r="A430" s="36" t="s">
        <v>207</v>
      </c>
      <c r="B430" s="61" t="s">
        <v>48</v>
      </c>
      <c r="C430" s="38" t="s">
        <v>17</v>
      </c>
      <c r="D430" s="27"/>
      <c r="E430" s="44">
        <v>1.6</v>
      </c>
      <c r="F430" s="29">
        <f t="shared" si="23"/>
        <v>0</v>
      </c>
    </row>
    <row r="431" spans="1:6" s="1" customFormat="1" x14ac:dyDescent="0.25">
      <c r="A431" s="36" t="s">
        <v>1195</v>
      </c>
      <c r="B431" s="61" t="s">
        <v>48</v>
      </c>
      <c r="C431" s="38" t="s">
        <v>5</v>
      </c>
      <c r="D431" s="27"/>
      <c r="E431" s="44">
        <v>56</v>
      </c>
      <c r="F431" s="29">
        <f t="shared" si="23"/>
        <v>0</v>
      </c>
    </row>
    <row r="432" spans="1:6" s="1" customFormat="1" x14ac:dyDescent="0.25">
      <c r="A432" s="36" t="s">
        <v>1239</v>
      </c>
      <c r="B432" s="61" t="s">
        <v>48</v>
      </c>
      <c r="C432" s="38" t="s">
        <v>16</v>
      </c>
      <c r="D432" s="27"/>
      <c r="E432" s="44">
        <v>14.88</v>
      </c>
      <c r="F432" s="29">
        <f t="shared" si="23"/>
        <v>0</v>
      </c>
    </row>
    <row r="433" spans="1:6" x14ac:dyDescent="0.25">
      <c r="A433" s="24" t="s">
        <v>208</v>
      </c>
      <c r="B433" s="61" t="s">
        <v>48</v>
      </c>
      <c r="C433" s="38" t="s">
        <v>17</v>
      </c>
      <c r="D433" s="27"/>
      <c r="E433" s="44">
        <v>2.5</v>
      </c>
      <c r="F433" s="29">
        <f t="shared" si="23"/>
        <v>0</v>
      </c>
    </row>
    <row r="434" spans="1:6" x14ac:dyDescent="0.25">
      <c r="A434" s="24" t="s">
        <v>230</v>
      </c>
      <c r="B434" s="61" t="s">
        <v>48</v>
      </c>
      <c r="C434" s="38" t="s">
        <v>17</v>
      </c>
      <c r="D434" s="27"/>
      <c r="E434" s="44">
        <v>1.03</v>
      </c>
      <c r="F434" s="29">
        <f t="shared" si="23"/>
        <v>0</v>
      </c>
    </row>
    <row r="435" spans="1:6" x14ac:dyDescent="0.25">
      <c r="A435" s="36" t="s">
        <v>554</v>
      </c>
      <c r="B435" s="61" t="s">
        <v>48</v>
      </c>
      <c r="C435" s="38" t="s">
        <v>17</v>
      </c>
      <c r="D435" s="27"/>
      <c r="E435" s="44">
        <v>0.43</v>
      </c>
      <c r="F435" s="29">
        <f t="shared" si="23"/>
        <v>0</v>
      </c>
    </row>
    <row r="436" spans="1:6" x14ac:dyDescent="0.25">
      <c r="A436" s="36" t="s">
        <v>231</v>
      </c>
      <c r="B436" s="61" t="s">
        <v>48</v>
      </c>
      <c r="C436" s="38" t="s">
        <v>18</v>
      </c>
      <c r="D436" s="27"/>
      <c r="E436" s="44">
        <v>14</v>
      </c>
      <c r="F436" s="29">
        <f t="shared" si="23"/>
        <v>0</v>
      </c>
    </row>
    <row r="437" spans="1:6" x14ac:dyDescent="0.25">
      <c r="A437" s="36" t="s">
        <v>209</v>
      </c>
      <c r="B437" s="61" t="s">
        <v>48</v>
      </c>
      <c r="C437" s="38" t="s">
        <v>17</v>
      </c>
      <c r="D437" s="27"/>
      <c r="E437" s="44">
        <v>6</v>
      </c>
      <c r="F437" s="29">
        <f t="shared" si="23"/>
        <v>0</v>
      </c>
    </row>
    <row r="438" spans="1:6" x14ac:dyDescent="0.25">
      <c r="A438" s="36" t="s">
        <v>210</v>
      </c>
      <c r="B438" s="61" t="s">
        <v>48</v>
      </c>
      <c r="C438" s="38" t="s">
        <v>18</v>
      </c>
      <c r="D438" s="27"/>
      <c r="E438" s="44">
        <v>22</v>
      </c>
      <c r="F438" s="29">
        <f t="shared" si="23"/>
        <v>0</v>
      </c>
    </row>
    <row r="439" spans="1:6" x14ac:dyDescent="0.25">
      <c r="A439" s="36" t="s">
        <v>211</v>
      </c>
      <c r="B439" s="61" t="s">
        <v>48</v>
      </c>
      <c r="C439" s="38" t="s">
        <v>17</v>
      </c>
      <c r="D439" s="27"/>
      <c r="E439" s="44">
        <v>4.5</v>
      </c>
      <c r="F439" s="29">
        <f t="shared" si="23"/>
        <v>0</v>
      </c>
    </row>
    <row r="440" spans="1:6" x14ac:dyDescent="0.25">
      <c r="A440" s="24" t="s">
        <v>212</v>
      </c>
      <c r="B440" s="61" t="s">
        <v>48</v>
      </c>
      <c r="C440" s="38" t="s">
        <v>17</v>
      </c>
      <c r="D440" s="27"/>
      <c r="E440" s="44">
        <v>35</v>
      </c>
      <c r="F440" s="29">
        <f t="shared" si="23"/>
        <v>0</v>
      </c>
    </row>
    <row r="441" spans="1:6" x14ac:dyDescent="0.25">
      <c r="A441" s="24" t="s">
        <v>200</v>
      </c>
      <c r="B441" s="61" t="s">
        <v>48</v>
      </c>
      <c r="C441" s="38" t="s">
        <v>5</v>
      </c>
      <c r="D441" s="27"/>
      <c r="E441" s="44">
        <v>40</v>
      </c>
      <c r="F441" s="29">
        <f t="shared" si="23"/>
        <v>0</v>
      </c>
    </row>
    <row r="442" spans="1:6" x14ac:dyDescent="0.25">
      <c r="A442" s="36" t="s">
        <v>201</v>
      </c>
      <c r="B442" s="61" t="s">
        <v>48</v>
      </c>
      <c r="C442" s="38" t="s">
        <v>5</v>
      </c>
      <c r="D442" s="27"/>
      <c r="E442" s="44">
        <v>40</v>
      </c>
      <c r="F442" s="29">
        <f t="shared" si="23"/>
        <v>0</v>
      </c>
    </row>
    <row r="443" spans="1:6" x14ac:dyDescent="0.25">
      <c r="A443" s="24" t="s">
        <v>1199</v>
      </c>
      <c r="B443" s="61" t="s">
        <v>48</v>
      </c>
      <c r="C443" s="38" t="s">
        <v>18</v>
      </c>
      <c r="D443" s="27"/>
      <c r="E443" s="44">
        <v>29</v>
      </c>
      <c r="F443" s="29">
        <f t="shared" si="23"/>
        <v>0</v>
      </c>
    </row>
    <row r="444" spans="1:6" x14ac:dyDescent="0.25">
      <c r="A444" s="24" t="s">
        <v>228</v>
      </c>
      <c r="B444" s="61" t="s">
        <v>48</v>
      </c>
      <c r="C444" s="38" t="s">
        <v>5</v>
      </c>
      <c r="D444" s="27"/>
      <c r="E444" s="44">
        <v>25</v>
      </c>
      <c r="F444" s="29">
        <f t="shared" si="23"/>
        <v>0</v>
      </c>
    </row>
    <row r="445" spans="1:6" x14ac:dyDescent="0.25">
      <c r="A445" s="36" t="s">
        <v>1240</v>
      </c>
      <c r="B445" s="61" t="s">
        <v>48</v>
      </c>
      <c r="C445" s="38" t="s">
        <v>16</v>
      </c>
      <c r="D445" s="27"/>
      <c r="E445" s="44">
        <v>12</v>
      </c>
      <c r="F445" s="29">
        <f t="shared" si="23"/>
        <v>0</v>
      </c>
    </row>
    <row r="446" spans="1:6" x14ac:dyDescent="0.25">
      <c r="A446" s="36" t="s">
        <v>202</v>
      </c>
      <c r="B446" s="61" t="s">
        <v>48</v>
      </c>
      <c r="C446" s="38" t="s">
        <v>5</v>
      </c>
      <c r="D446" s="27"/>
      <c r="E446" s="44">
        <v>8.4</v>
      </c>
      <c r="F446" s="29">
        <f t="shared" si="23"/>
        <v>0</v>
      </c>
    </row>
    <row r="447" spans="1:6" x14ac:dyDescent="0.25">
      <c r="A447" s="36" t="s">
        <v>213</v>
      </c>
      <c r="B447" s="61" t="s">
        <v>48</v>
      </c>
      <c r="C447" s="38" t="s">
        <v>20</v>
      </c>
      <c r="D447" s="27"/>
      <c r="E447" s="44">
        <v>48</v>
      </c>
      <c r="F447" s="29">
        <f t="shared" si="23"/>
        <v>0</v>
      </c>
    </row>
    <row r="448" spans="1:6" s="1" customFormat="1" x14ac:dyDescent="0.25">
      <c r="A448" s="24" t="s">
        <v>232</v>
      </c>
      <c r="B448" s="61" t="s">
        <v>48</v>
      </c>
      <c r="C448" s="38" t="s">
        <v>17</v>
      </c>
      <c r="D448" s="27"/>
      <c r="E448" s="44">
        <v>1.8</v>
      </c>
      <c r="F448" s="29">
        <f t="shared" si="23"/>
        <v>0</v>
      </c>
    </row>
    <row r="449" spans="1:6" x14ac:dyDescent="0.25">
      <c r="A449" s="24" t="s">
        <v>1196</v>
      </c>
      <c r="B449" s="61" t="s">
        <v>48</v>
      </c>
      <c r="C449" s="38" t="s">
        <v>25</v>
      </c>
      <c r="D449" s="27"/>
      <c r="E449" s="44">
        <v>399</v>
      </c>
      <c r="F449" s="29">
        <f t="shared" si="23"/>
        <v>0</v>
      </c>
    </row>
    <row r="450" spans="1:6" s="1" customFormat="1" x14ac:dyDescent="0.25">
      <c r="A450" s="36" t="s">
        <v>555</v>
      </c>
      <c r="B450" s="61" t="s">
        <v>48</v>
      </c>
      <c r="C450" s="38" t="s">
        <v>25</v>
      </c>
      <c r="D450" s="27"/>
      <c r="E450" s="44">
        <v>37</v>
      </c>
      <c r="F450" s="29">
        <f t="shared" si="23"/>
        <v>0</v>
      </c>
    </row>
    <row r="451" spans="1:6" x14ac:dyDescent="0.25">
      <c r="A451" s="24" t="s">
        <v>1242</v>
      </c>
      <c r="B451" s="61" t="s">
        <v>48</v>
      </c>
      <c r="C451" s="38" t="s">
        <v>25</v>
      </c>
      <c r="D451" s="27"/>
      <c r="E451" s="44">
        <v>58</v>
      </c>
      <c r="F451" s="29">
        <f t="shared" si="23"/>
        <v>0</v>
      </c>
    </row>
    <row r="452" spans="1:6" x14ac:dyDescent="0.25">
      <c r="A452" s="24" t="s">
        <v>1432</v>
      </c>
      <c r="B452" s="61" t="s">
        <v>48</v>
      </c>
      <c r="C452" s="38" t="s">
        <v>25</v>
      </c>
      <c r="D452" s="27"/>
      <c r="E452" s="44">
        <v>26.1</v>
      </c>
      <c r="F452" s="29">
        <f t="shared" si="23"/>
        <v>0</v>
      </c>
    </row>
    <row r="453" spans="1:6" x14ac:dyDescent="0.25">
      <c r="A453" s="36" t="s">
        <v>214</v>
      </c>
      <c r="B453" s="61" t="s">
        <v>48</v>
      </c>
      <c r="C453" s="38" t="s">
        <v>17</v>
      </c>
      <c r="D453" s="27"/>
      <c r="E453" s="44">
        <v>70</v>
      </c>
      <c r="F453" s="29">
        <f t="shared" si="23"/>
        <v>0</v>
      </c>
    </row>
    <row r="454" spans="1:6" s="1" customFormat="1" x14ac:dyDescent="0.25">
      <c r="A454" s="36" t="s">
        <v>215</v>
      </c>
      <c r="B454" s="61" t="s">
        <v>48</v>
      </c>
      <c r="C454" s="38" t="s">
        <v>17</v>
      </c>
      <c r="D454" s="27"/>
      <c r="E454" s="44">
        <v>3.5</v>
      </c>
      <c r="F454" s="29">
        <f t="shared" si="23"/>
        <v>0</v>
      </c>
    </row>
    <row r="455" spans="1:6" x14ac:dyDescent="0.25">
      <c r="A455" s="36" t="s">
        <v>1197</v>
      </c>
      <c r="B455" s="61" t="s">
        <v>48</v>
      </c>
      <c r="C455" s="38" t="s">
        <v>18</v>
      </c>
      <c r="D455" s="27"/>
      <c r="E455" s="44">
        <v>17.8</v>
      </c>
      <c r="F455" s="29">
        <f t="shared" si="23"/>
        <v>0</v>
      </c>
    </row>
    <row r="456" spans="1:6" x14ac:dyDescent="0.25">
      <c r="A456" s="36" t="s">
        <v>216</v>
      </c>
      <c r="B456" s="61" t="s">
        <v>48</v>
      </c>
      <c r="C456" s="38" t="s">
        <v>16</v>
      </c>
      <c r="D456" s="27"/>
      <c r="E456" s="44">
        <v>2.8</v>
      </c>
      <c r="F456" s="29">
        <f t="shared" si="23"/>
        <v>0</v>
      </c>
    </row>
    <row r="457" spans="1:6" x14ac:dyDescent="0.25">
      <c r="A457" s="36" t="s">
        <v>203</v>
      </c>
      <c r="B457" s="61" t="s">
        <v>48</v>
      </c>
      <c r="C457" s="38" t="s">
        <v>18</v>
      </c>
      <c r="D457" s="27"/>
      <c r="E457" s="44">
        <v>57.99</v>
      </c>
      <c r="F457" s="29">
        <f t="shared" si="23"/>
        <v>0</v>
      </c>
    </row>
    <row r="458" spans="1:6" x14ac:dyDescent="0.25">
      <c r="A458" s="36" t="s">
        <v>1258</v>
      </c>
      <c r="B458" s="61" t="s">
        <v>48</v>
      </c>
      <c r="C458" s="38" t="s">
        <v>18</v>
      </c>
      <c r="D458" s="27"/>
      <c r="E458" s="44">
        <v>1.6</v>
      </c>
      <c r="F458" s="29">
        <f t="shared" si="23"/>
        <v>0</v>
      </c>
    </row>
    <row r="459" spans="1:6" x14ac:dyDescent="0.25">
      <c r="A459" s="24" t="s">
        <v>233</v>
      </c>
      <c r="B459" s="61" t="s">
        <v>48</v>
      </c>
      <c r="C459" s="38" t="s">
        <v>17</v>
      </c>
      <c r="D459" s="27"/>
      <c r="E459" s="44">
        <v>1.5999000000000001</v>
      </c>
      <c r="F459" s="29">
        <f t="shared" si="23"/>
        <v>0</v>
      </c>
    </row>
    <row r="460" spans="1:6" x14ac:dyDescent="0.25">
      <c r="A460" s="36" t="s">
        <v>217</v>
      </c>
      <c r="B460" s="61" t="s">
        <v>48</v>
      </c>
      <c r="C460" s="38" t="s">
        <v>17</v>
      </c>
      <c r="D460" s="27"/>
      <c r="E460" s="44">
        <v>4.5</v>
      </c>
      <c r="F460" s="29">
        <f t="shared" si="23"/>
        <v>0</v>
      </c>
    </row>
    <row r="461" spans="1:6" x14ac:dyDescent="0.25">
      <c r="A461" s="36" t="s">
        <v>218</v>
      </c>
      <c r="B461" s="61" t="s">
        <v>48</v>
      </c>
      <c r="C461" s="38" t="s">
        <v>17</v>
      </c>
      <c r="D461" s="27"/>
      <c r="E461" s="44">
        <v>5</v>
      </c>
      <c r="F461" s="29">
        <f t="shared" ref="F461:F484" si="24">SUM(D461*E461)</f>
        <v>0</v>
      </c>
    </row>
    <row r="462" spans="1:6" x14ac:dyDescent="0.25">
      <c r="A462" s="36" t="s">
        <v>219</v>
      </c>
      <c r="B462" s="61" t="s">
        <v>48</v>
      </c>
      <c r="C462" s="38" t="s">
        <v>17</v>
      </c>
      <c r="D462" s="27"/>
      <c r="E462" s="44">
        <v>6</v>
      </c>
      <c r="F462" s="29">
        <f t="shared" si="24"/>
        <v>0</v>
      </c>
    </row>
    <row r="463" spans="1:6" x14ac:dyDescent="0.25">
      <c r="A463" s="36" t="s">
        <v>220</v>
      </c>
      <c r="B463" s="61" t="s">
        <v>48</v>
      </c>
      <c r="C463" s="38" t="s">
        <v>17</v>
      </c>
      <c r="D463" s="27"/>
      <c r="E463" s="44">
        <v>0.88</v>
      </c>
      <c r="F463" s="29">
        <f t="shared" si="24"/>
        <v>0</v>
      </c>
    </row>
    <row r="464" spans="1:6" x14ac:dyDescent="0.25">
      <c r="A464" s="24" t="s">
        <v>221</v>
      </c>
      <c r="B464" s="61" t="s">
        <v>48</v>
      </c>
      <c r="C464" s="38" t="s">
        <v>16</v>
      </c>
      <c r="D464" s="27"/>
      <c r="E464" s="44">
        <v>45</v>
      </c>
      <c r="F464" s="29">
        <f t="shared" si="24"/>
        <v>0</v>
      </c>
    </row>
    <row r="465" spans="1:6" x14ac:dyDescent="0.25">
      <c r="A465" s="24" t="s">
        <v>222</v>
      </c>
      <c r="B465" s="61" t="s">
        <v>48</v>
      </c>
      <c r="C465" s="38" t="s">
        <v>18</v>
      </c>
      <c r="D465" s="27"/>
      <c r="E465" s="44">
        <v>13.2</v>
      </c>
      <c r="F465" s="29">
        <f t="shared" si="24"/>
        <v>0</v>
      </c>
    </row>
    <row r="466" spans="1:6" x14ac:dyDescent="0.25">
      <c r="A466" s="56" t="s">
        <v>1019</v>
      </c>
      <c r="B466" s="62" t="s">
        <v>48</v>
      </c>
      <c r="C466" s="39" t="s">
        <v>20</v>
      </c>
      <c r="D466" s="31"/>
      <c r="E466" s="45">
        <v>4.4000000000000004</v>
      </c>
      <c r="F466" s="29">
        <f t="shared" si="24"/>
        <v>0</v>
      </c>
    </row>
    <row r="467" spans="1:6" x14ac:dyDescent="0.25">
      <c r="A467" s="36" t="s">
        <v>1241</v>
      </c>
      <c r="B467" s="61" t="s">
        <v>48</v>
      </c>
      <c r="C467" s="38" t="s">
        <v>42</v>
      </c>
      <c r="D467" s="27"/>
      <c r="E467" s="44">
        <v>45</v>
      </c>
      <c r="F467" s="29">
        <f t="shared" si="24"/>
        <v>0</v>
      </c>
    </row>
    <row r="468" spans="1:6" x14ac:dyDescent="0.25">
      <c r="A468" s="24" t="s">
        <v>1236</v>
      </c>
      <c r="B468" s="61" t="s">
        <v>48</v>
      </c>
      <c r="C468" s="38" t="s">
        <v>18</v>
      </c>
      <c r="D468" s="27"/>
      <c r="E468" s="44">
        <v>2.19</v>
      </c>
      <c r="F468" s="29">
        <f t="shared" si="24"/>
        <v>0</v>
      </c>
    </row>
    <row r="469" spans="1:6" x14ac:dyDescent="0.25">
      <c r="A469" s="36" t="s">
        <v>204</v>
      </c>
      <c r="B469" s="61" t="s">
        <v>48</v>
      </c>
      <c r="C469" s="38" t="s">
        <v>18</v>
      </c>
      <c r="D469" s="27"/>
      <c r="E469" s="44">
        <v>1.79</v>
      </c>
      <c r="F469" s="29">
        <f t="shared" si="24"/>
        <v>0</v>
      </c>
    </row>
    <row r="470" spans="1:6" x14ac:dyDescent="0.25">
      <c r="A470" s="36" t="s">
        <v>223</v>
      </c>
      <c r="B470" s="61" t="s">
        <v>48</v>
      </c>
      <c r="C470" s="38" t="s">
        <v>17</v>
      </c>
      <c r="D470" s="27"/>
      <c r="E470" s="44">
        <v>4.5999999999999996</v>
      </c>
      <c r="F470" s="29">
        <f t="shared" si="24"/>
        <v>0</v>
      </c>
    </row>
    <row r="471" spans="1:6" x14ac:dyDescent="0.25">
      <c r="A471" s="24" t="s">
        <v>234</v>
      </c>
      <c r="B471" s="61" t="s">
        <v>48</v>
      </c>
      <c r="C471" s="38" t="s">
        <v>17</v>
      </c>
      <c r="D471" s="27"/>
      <c r="E471" s="44">
        <v>15</v>
      </c>
      <c r="F471" s="29">
        <f t="shared" si="24"/>
        <v>0</v>
      </c>
    </row>
    <row r="472" spans="1:6" x14ac:dyDescent="0.25">
      <c r="A472" s="24" t="s">
        <v>235</v>
      </c>
      <c r="B472" s="61" t="s">
        <v>48</v>
      </c>
      <c r="C472" s="38" t="s">
        <v>17</v>
      </c>
      <c r="D472" s="27"/>
      <c r="E472" s="44">
        <v>25</v>
      </c>
      <c r="F472" s="29">
        <f t="shared" si="24"/>
        <v>0</v>
      </c>
    </row>
    <row r="473" spans="1:6" x14ac:dyDescent="0.25">
      <c r="A473" s="24" t="s">
        <v>224</v>
      </c>
      <c r="B473" s="61" t="s">
        <v>48</v>
      </c>
      <c r="C473" s="38" t="s">
        <v>20</v>
      </c>
      <c r="D473" s="27"/>
      <c r="E473" s="44">
        <v>46</v>
      </c>
      <c r="F473" s="29">
        <f t="shared" si="24"/>
        <v>0</v>
      </c>
    </row>
    <row r="474" spans="1:6" x14ac:dyDescent="0.25">
      <c r="A474" s="36" t="s">
        <v>225</v>
      </c>
      <c r="B474" s="61" t="s">
        <v>48</v>
      </c>
      <c r="C474" s="38" t="s">
        <v>16</v>
      </c>
      <c r="D474" s="27"/>
      <c r="E474" s="44">
        <v>11</v>
      </c>
      <c r="F474" s="29">
        <f t="shared" si="24"/>
        <v>0</v>
      </c>
    </row>
    <row r="475" spans="1:6" s="1" customFormat="1" x14ac:dyDescent="0.25">
      <c r="A475" s="36" t="s">
        <v>1238</v>
      </c>
      <c r="B475" s="61" t="s">
        <v>48</v>
      </c>
      <c r="C475" s="38" t="s">
        <v>18</v>
      </c>
      <c r="D475" s="27"/>
      <c r="E475" s="44">
        <v>23</v>
      </c>
      <c r="F475" s="29">
        <f t="shared" si="24"/>
        <v>0</v>
      </c>
    </row>
    <row r="476" spans="1:6" s="1" customFormat="1" x14ac:dyDescent="0.25">
      <c r="A476" s="36" t="s">
        <v>1237</v>
      </c>
      <c r="B476" s="61" t="s">
        <v>48</v>
      </c>
      <c r="C476" s="38" t="s">
        <v>18</v>
      </c>
      <c r="D476" s="27"/>
      <c r="E476" s="44">
        <v>23</v>
      </c>
      <c r="F476" s="29">
        <f t="shared" si="24"/>
        <v>0</v>
      </c>
    </row>
    <row r="477" spans="1:6" x14ac:dyDescent="0.25">
      <c r="A477" s="36" t="s">
        <v>553</v>
      </c>
      <c r="B477" s="61" t="s">
        <v>48</v>
      </c>
      <c r="C477" s="38" t="s">
        <v>18</v>
      </c>
      <c r="D477" s="27"/>
      <c r="E477" s="44">
        <v>28</v>
      </c>
      <c r="F477" s="29">
        <f t="shared" si="24"/>
        <v>0</v>
      </c>
    </row>
    <row r="478" spans="1:6" x14ac:dyDescent="0.25">
      <c r="A478" s="36" t="s">
        <v>229</v>
      </c>
      <c r="B478" s="61" t="s">
        <v>48</v>
      </c>
      <c r="C478" s="38" t="s">
        <v>5</v>
      </c>
      <c r="D478" s="27"/>
      <c r="E478" s="44">
        <v>40</v>
      </c>
      <c r="F478" s="29">
        <f t="shared" si="24"/>
        <v>0</v>
      </c>
    </row>
    <row r="479" spans="1:6" s="1" customFormat="1" x14ac:dyDescent="0.25">
      <c r="A479" s="36" t="s">
        <v>205</v>
      </c>
      <c r="B479" s="61" t="s">
        <v>48</v>
      </c>
      <c r="C479" s="38" t="s">
        <v>5</v>
      </c>
      <c r="D479" s="27"/>
      <c r="E479" s="44">
        <v>0.32</v>
      </c>
      <c r="F479" s="29">
        <f t="shared" si="24"/>
        <v>0</v>
      </c>
    </row>
    <row r="480" spans="1:6" x14ac:dyDescent="0.25">
      <c r="A480" s="36" t="s">
        <v>1198</v>
      </c>
      <c r="B480" s="61" t="s">
        <v>48</v>
      </c>
      <c r="C480" s="38" t="s">
        <v>5</v>
      </c>
      <c r="D480" s="27"/>
      <c r="E480" s="44">
        <v>0.48</v>
      </c>
      <c r="F480" s="29">
        <f t="shared" si="24"/>
        <v>0</v>
      </c>
    </row>
    <row r="481" spans="1:6" x14ac:dyDescent="0.25">
      <c r="A481" s="36" t="s">
        <v>206</v>
      </c>
      <c r="B481" s="61" t="s">
        <v>48</v>
      </c>
      <c r="C481" s="38" t="s">
        <v>18</v>
      </c>
      <c r="D481" s="27"/>
      <c r="E481" s="44">
        <v>70</v>
      </c>
      <c r="F481" s="29">
        <f t="shared" si="24"/>
        <v>0</v>
      </c>
    </row>
    <row r="482" spans="1:6" x14ac:dyDescent="0.25">
      <c r="A482" s="24" t="s">
        <v>226</v>
      </c>
      <c r="B482" s="61" t="s">
        <v>48</v>
      </c>
      <c r="C482" s="38" t="s">
        <v>5</v>
      </c>
      <c r="D482" s="27"/>
      <c r="E482" s="44">
        <v>18</v>
      </c>
      <c r="F482" s="29">
        <f t="shared" si="24"/>
        <v>0</v>
      </c>
    </row>
    <row r="483" spans="1:6" x14ac:dyDescent="0.25">
      <c r="A483" s="36" t="s">
        <v>227</v>
      </c>
      <c r="B483" s="61" t="s">
        <v>48</v>
      </c>
      <c r="C483" s="38" t="s">
        <v>17</v>
      </c>
      <c r="D483" s="27"/>
      <c r="E483" s="44">
        <v>0.84899999999999998</v>
      </c>
      <c r="F483" s="29">
        <f t="shared" si="24"/>
        <v>0</v>
      </c>
    </row>
    <row r="484" spans="1:6" s="1" customFormat="1" x14ac:dyDescent="0.25">
      <c r="A484" s="24" t="s">
        <v>236</v>
      </c>
      <c r="B484" s="61" t="s">
        <v>48</v>
      </c>
      <c r="C484" s="38" t="s">
        <v>17</v>
      </c>
      <c r="D484" s="27"/>
      <c r="E484" s="44">
        <v>50</v>
      </c>
      <c r="F484" s="29">
        <f t="shared" si="24"/>
        <v>0</v>
      </c>
    </row>
    <row r="485" spans="1:6" x14ac:dyDescent="0.25">
      <c r="A485" s="36" t="s">
        <v>158</v>
      </c>
      <c r="B485" s="61"/>
      <c r="C485" s="38"/>
      <c r="D485" s="27"/>
      <c r="E485" s="44"/>
      <c r="F485" s="29">
        <f t="shared" ref="F485:F523" si="25">SUM(D485*E485)</f>
        <v>0</v>
      </c>
    </row>
    <row r="486" spans="1:6" x14ac:dyDescent="0.25">
      <c r="A486" s="53" t="s">
        <v>49</v>
      </c>
      <c r="B486" s="61"/>
      <c r="C486" s="38"/>
      <c r="D486" s="27"/>
      <c r="E486" s="44"/>
      <c r="F486" s="29">
        <f t="shared" si="25"/>
        <v>0</v>
      </c>
    </row>
    <row r="487" spans="1:6" x14ac:dyDescent="0.25">
      <c r="A487" s="24" t="s">
        <v>237</v>
      </c>
      <c r="B487" s="61" t="s">
        <v>50</v>
      </c>
      <c r="C487" s="38" t="s">
        <v>16</v>
      </c>
      <c r="D487" s="27"/>
      <c r="E487" s="44">
        <v>0.13</v>
      </c>
      <c r="F487" s="29">
        <f t="shared" ref="F487:F521" si="26">SUM(D487*E487)</f>
        <v>0</v>
      </c>
    </row>
    <row r="488" spans="1:6" x14ac:dyDescent="0.25">
      <c r="A488" s="24" t="s">
        <v>238</v>
      </c>
      <c r="B488" s="61" t="s">
        <v>50</v>
      </c>
      <c r="C488" s="38" t="s">
        <v>18</v>
      </c>
      <c r="D488" s="27"/>
      <c r="E488" s="44">
        <v>3.92</v>
      </c>
      <c r="F488" s="29">
        <f t="shared" si="26"/>
        <v>0</v>
      </c>
    </row>
    <row r="489" spans="1:6" x14ac:dyDescent="0.25">
      <c r="A489" s="24" t="s">
        <v>992</v>
      </c>
      <c r="B489" s="61" t="s">
        <v>50</v>
      </c>
      <c r="C489" s="38" t="s">
        <v>18</v>
      </c>
      <c r="D489" s="27"/>
      <c r="E489" s="44">
        <v>3.95</v>
      </c>
      <c r="F489" s="29">
        <f t="shared" si="26"/>
        <v>0</v>
      </c>
    </row>
    <row r="490" spans="1:6" s="1" customFormat="1" x14ac:dyDescent="0.25">
      <c r="A490" s="24" t="s">
        <v>1200</v>
      </c>
      <c r="B490" s="61" t="s">
        <v>50</v>
      </c>
      <c r="C490" s="38" t="s">
        <v>5</v>
      </c>
      <c r="D490" s="27"/>
      <c r="E490" s="44">
        <v>7.3997999999999999</v>
      </c>
      <c r="F490" s="29">
        <f t="shared" si="26"/>
        <v>0</v>
      </c>
    </row>
    <row r="491" spans="1:6" x14ac:dyDescent="0.25">
      <c r="A491" s="24" t="s">
        <v>252</v>
      </c>
      <c r="B491" s="61" t="s">
        <v>50</v>
      </c>
      <c r="C491" s="38" t="s">
        <v>20</v>
      </c>
      <c r="D491" s="27"/>
      <c r="E491" s="44">
        <v>3.3479999999999999</v>
      </c>
      <c r="F491" s="29">
        <f t="shared" si="26"/>
        <v>0</v>
      </c>
    </row>
    <row r="492" spans="1:6" x14ac:dyDescent="0.25">
      <c r="A492" s="24" t="s">
        <v>253</v>
      </c>
      <c r="B492" s="61" t="s">
        <v>50</v>
      </c>
      <c r="C492" s="38" t="s">
        <v>16</v>
      </c>
      <c r="D492" s="27"/>
      <c r="E492" s="44">
        <v>0.64129999999999998</v>
      </c>
      <c r="F492" s="29">
        <f t="shared" si="26"/>
        <v>0</v>
      </c>
    </row>
    <row r="493" spans="1:6" x14ac:dyDescent="0.25">
      <c r="A493" s="24" t="s">
        <v>266</v>
      </c>
      <c r="B493" s="61" t="s">
        <v>50</v>
      </c>
      <c r="C493" s="38" t="s">
        <v>17</v>
      </c>
      <c r="D493" s="27"/>
      <c r="E493" s="44">
        <v>3.0078999999999998</v>
      </c>
      <c r="F493" s="29">
        <f t="shared" si="26"/>
        <v>0</v>
      </c>
    </row>
    <row r="494" spans="1:6" x14ac:dyDescent="0.25">
      <c r="A494" s="24" t="s">
        <v>239</v>
      </c>
      <c r="B494" s="61" t="s">
        <v>50</v>
      </c>
      <c r="C494" s="38" t="s">
        <v>5</v>
      </c>
      <c r="D494" s="27"/>
      <c r="E494" s="44">
        <v>0.65</v>
      </c>
      <c r="F494" s="29">
        <f t="shared" si="26"/>
        <v>0</v>
      </c>
    </row>
    <row r="495" spans="1:6" x14ac:dyDescent="0.25">
      <c r="A495" s="24" t="s">
        <v>240</v>
      </c>
      <c r="B495" s="61" t="s">
        <v>50</v>
      </c>
      <c r="C495" s="38" t="s">
        <v>5</v>
      </c>
      <c r="D495" s="27"/>
      <c r="E495" s="44">
        <v>0.65</v>
      </c>
      <c r="F495" s="29">
        <f t="shared" si="26"/>
        <v>0</v>
      </c>
    </row>
    <row r="496" spans="1:6" x14ac:dyDescent="0.25">
      <c r="A496" s="24" t="s">
        <v>254</v>
      </c>
      <c r="B496" s="61" t="s">
        <v>50</v>
      </c>
      <c r="C496" s="38" t="s">
        <v>17</v>
      </c>
      <c r="D496" s="27"/>
      <c r="E496" s="44">
        <v>0.69299999999999995</v>
      </c>
      <c r="F496" s="29">
        <f t="shared" si="26"/>
        <v>0</v>
      </c>
    </row>
    <row r="497" spans="1:6" x14ac:dyDescent="0.25">
      <c r="A497" s="24" t="s">
        <v>255</v>
      </c>
      <c r="B497" s="61" t="s">
        <v>50</v>
      </c>
      <c r="C497" s="38" t="s">
        <v>18</v>
      </c>
      <c r="D497" s="27"/>
      <c r="E497" s="44">
        <v>2.6040000000000001</v>
      </c>
      <c r="F497" s="29">
        <f t="shared" si="26"/>
        <v>0</v>
      </c>
    </row>
    <row r="498" spans="1:6" x14ac:dyDescent="0.25">
      <c r="A498" s="24" t="s">
        <v>242</v>
      </c>
      <c r="B498" s="61" t="s">
        <v>50</v>
      </c>
      <c r="C498" s="38" t="s">
        <v>5</v>
      </c>
      <c r="D498" s="27"/>
      <c r="E498" s="44">
        <v>3.11</v>
      </c>
      <c r="F498" s="29">
        <f t="shared" si="26"/>
        <v>0</v>
      </c>
    </row>
    <row r="499" spans="1:6" s="1" customFormat="1" x14ac:dyDescent="0.25">
      <c r="A499" s="24" t="s">
        <v>241</v>
      </c>
      <c r="B499" s="61" t="s">
        <v>50</v>
      </c>
      <c r="C499" s="38" t="s">
        <v>5</v>
      </c>
      <c r="D499" s="27"/>
      <c r="E499" s="44">
        <v>2.431</v>
      </c>
      <c r="F499" s="29">
        <f t="shared" si="26"/>
        <v>0</v>
      </c>
    </row>
    <row r="500" spans="1:6" x14ac:dyDescent="0.25">
      <c r="A500" s="24" t="s">
        <v>993</v>
      </c>
      <c r="B500" s="61" t="s">
        <v>50</v>
      </c>
      <c r="C500" s="38" t="s">
        <v>5</v>
      </c>
      <c r="D500" s="27"/>
      <c r="E500" s="44">
        <v>0.58499999999999996</v>
      </c>
      <c r="F500" s="29">
        <f t="shared" si="26"/>
        <v>0</v>
      </c>
    </row>
    <row r="501" spans="1:6" x14ac:dyDescent="0.25">
      <c r="A501" s="24" t="s">
        <v>1201</v>
      </c>
      <c r="B501" s="61" t="s">
        <v>50</v>
      </c>
      <c r="C501" s="38" t="s">
        <v>25</v>
      </c>
      <c r="D501" s="27"/>
      <c r="E501" s="44">
        <v>13.06</v>
      </c>
      <c r="F501" s="29">
        <f t="shared" si="26"/>
        <v>0</v>
      </c>
    </row>
    <row r="502" spans="1:6" x14ac:dyDescent="0.25">
      <c r="A502" s="24" t="s">
        <v>243</v>
      </c>
      <c r="B502" s="61" t="s">
        <v>50</v>
      </c>
      <c r="C502" s="38" t="s">
        <v>5</v>
      </c>
      <c r="D502" s="27"/>
      <c r="E502" s="44">
        <v>2.85</v>
      </c>
      <c r="F502" s="29">
        <f t="shared" si="26"/>
        <v>0</v>
      </c>
    </row>
    <row r="503" spans="1:6" x14ac:dyDescent="0.25">
      <c r="A503" s="24" t="s">
        <v>244</v>
      </c>
      <c r="B503" s="61" t="s">
        <v>50</v>
      </c>
      <c r="C503" s="38" t="s">
        <v>25</v>
      </c>
      <c r="D503" s="27"/>
      <c r="E503" s="44">
        <v>4.3579999999999997</v>
      </c>
      <c r="F503" s="29">
        <f t="shared" si="26"/>
        <v>0</v>
      </c>
    </row>
    <row r="504" spans="1:6" x14ac:dyDescent="0.25">
      <c r="A504" s="24" t="s">
        <v>256</v>
      </c>
      <c r="B504" s="61" t="s">
        <v>50</v>
      </c>
      <c r="C504" s="38" t="s">
        <v>42</v>
      </c>
      <c r="D504" s="27"/>
      <c r="E504" s="44">
        <v>31</v>
      </c>
      <c r="F504" s="29">
        <f t="shared" si="26"/>
        <v>0</v>
      </c>
    </row>
    <row r="505" spans="1:6" x14ac:dyDescent="0.25">
      <c r="A505" s="24" t="s">
        <v>257</v>
      </c>
      <c r="B505" s="61" t="s">
        <v>50</v>
      </c>
      <c r="C505" s="38" t="s">
        <v>18</v>
      </c>
      <c r="D505" s="27"/>
      <c r="E505" s="44">
        <v>20.0808</v>
      </c>
      <c r="F505" s="29">
        <f t="shared" si="26"/>
        <v>0</v>
      </c>
    </row>
    <row r="506" spans="1:6" x14ac:dyDescent="0.25">
      <c r="A506" s="24" t="s">
        <v>258</v>
      </c>
      <c r="B506" s="61" t="s">
        <v>50</v>
      </c>
      <c r="C506" s="38" t="s">
        <v>18</v>
      </c>
      <c r="D506" s="27"/>
      <c r="E506" s="44">
        <v>2.3599000000000001</v>
      </c>
      <c r="F506" s="29">
        <f t="shared" si="26"/>
        <v>0</v>
      </c>
    </row>
    <row r="507" spans="1:6" x14ac:dyDescent="0.25">
      <c r="A507" s="24" t="s">
        <v>259</v>
      </c>
      <c r="B507" s="61" t="s">
        <v>50</v>
      </c>
      <c r="C507" s="38" t="s">
        <v>17</v>
      </c>
      <c r="D507" s="27"/>
      <c r="E507" s="44">
        <v>0.19289999999999999</v>
      </c>
      <c r="F507" s="29">
        <f t="shared" si="26"/>
        <v>0</v>
      </c>
    </row>
    <row r="508" spans="1:6" x14ac:dyDescent="0.25">
      <c r="A508" s="24" t="s">
        <v>994</v>
      </c>
      <c r="B508" s="61" t="s">
        <v>50</v>
      </c>
      <c r="C508" s="38" t="s">
        <v>25</v>
      </c>
      <c r="D508" s="27"/>
      <c r="E508" s="44">
        <v>18.919899999999998</v>
      </c>
      <c r="F508" s="29">
        <f t="shared" si="26"/>
        <v>0</v>
      </c>
    </row>
    <row r="509" spans="1:6" x14ac:dyDescent="0.25">
      <c r="A509" s="24" t="s">
        <v>260</v>
      </c>
      <c r="B509" s="61" t="s">
        <v>50</v>
      </c>
      <c r="C509" s="38" t="s">
        <v>18</v>
      </c>
      <c r="D509" s="27"/>
      <c r="E509" s="44">
        <v>48.51</v>
      </c>
      <c r="F509" s="29">
        <f t="shared" si="26"/>
        <v>0</v>
      </c>
    </row>
    <row r="510" spans="1:6" x14ac:dyDescent="0.25">
      <c r="A510" s="24" t="s">
        <v>261</v>
      </c>
      <c r="B510" s="61" t="s">
        <v>50</v>
      </c>
      <c r="C510" s="38" t="s">
        <v>17</v>
      </c>
      <c r="D510" s="27"/>
      <c r="E510" s="44">
        <v>2.7900000000000001E-2</v>
      </c>
      <c r="F510" s="29">
        <f t="shared" si="26"/>
        <v>0</v>
      </c>
    </row>
    <row r="511" spans="1:6" x14ac:dyDescent="0.25">
      <c r="A511" s="24" t="s">
        <v>262</v>
      </c>
      <c r="B511" s="61" t="s">
        <v>50</v>
      </c>
      <c r="C511" s="38" t="s">
        <v>17</v>
      </c>
      <c r="D511" s="27"/>
      <c r="E511" s="44">
        <v>2.3706999999999998</v>
      </c>
      <c r="F511" s="29">
        <f t="shared" si="26"/>
        <v>0</v>
      </c>
    </row>
    <row r="512" spans="1:6" x14ac:dyDescent="0.25">
      <c r="A512" s="24" t="s">
        <v>263</v>
      </c>
      <c r="B512" s="61" t="s">
        <v>50</v>
      </c>
      <c r="C512" s="38" t="s">
        <v>17</v>
      </c>
      <c r="D512" s="27"/>
      <c r="E512" s="44">
        <v>8.9800000000000005E-2</v>
      </c>
      <c r="F512" s="29">
        <f t="shared" si="26"/>
        <v>0</v>
      </c>
    </row>
    <row r="513" spans="1:6" x14ac:dyDescent="0.25">
      <c r="A513" s="24" t="s">
        <v>264</v>
      </c>
      <c r="B513" s="61" t="s">
        <v>50</v>
      </c>
      <c r="C513" s="38" t="s">
        <v>5</v>
      </c>
      <c r="D513" s="27"/>
      <c r="E513" s="44">
        <v>3.6652</v>
      </c>
      <c r="F513" s="29">
        <f t="shared" si="26"/>
        <v>0</v>
      </c>
    </row>
    <row r="514" spans="1:6" x14ac:dyDescent="0.25">
      <c r="A514" s="24" t="s">
        <v>245</v>
      </c>
      <c r="B514" s="61" t="s">
        <v>50</v>
      </c>
      <c r="C514" s="38" t="s">
        <v>18</v>
      </c>
      <c r="D514" s="27"/>
      <c r="E514" s="44">
        <v>2.6</v>
      </c>
      <c r="F514" s="29">
        <f t="shared" si="26"/>
        <v>0</v>
      </c>
    </row>
    <row r="515" spans="1:6" x14ac:dyDescent="0.25">
      <c r="A515" s="24" t="s">
        <v>246</v>
      </c>
      <c r="B515" s="61" t="s">
        <v>50</v>
      </c>
      <c r="C515" s="38" t="s">
        <v>5</v>
      </c>
      <c r="D515" s="27"/>
      <c r="E515" s="44">
        <v>0.17</v>
      </c>
      <c r="F515" s="29">
        <f t="shared" si="26"/>
        <v>0</v>
      </c>
    </row>
    <row r="516" spans="1:6" x14ac:dyDescent="0.25">
      <c r="A516" s="24" t="s">
        <v>247</v>
      </c>
      <c r="B516" s="61" t="s">
        <v>50</v>
      </c>
      <c r="C516" s="38" t="s">
        <v>5</v>
      </c>
      <c r="D516" s="27"/>
      <c r="E516" s="44">
        <v>0.17</v>
      </c>
      <c r="F516" s="29">
        <f t="shared" si="26"/>
        <v>0</v>
      </c>
    </row>
    <row r="517" spans="1:6" x14ac:dyDescent="0.25">
      <c r="A517" s="24" t="s">
        <v>248</v>
      </c>
      <c r="B517" s="61" t="s">
        <v>50</v>
      </c>
      <c r="C517" s="38" t="s">
        <v>5</v>
      </c>
      <c r="D517" s="27"/>
      <c r="E517" s="44">
        <v>0.17</v>
      </c>
      <c r="F517" s="29">
        <f t="shared" si="26"/>
        <v>0</v>
      </c>
    </row>
    <row r="518" spans="1:6" x14ac:dyDescent="0.25">
      <c r="A518" s="24" t="s">
        <v>249</v>
      </c>
      <c r="B518" s="61" t="s">
        <v>50</v>
      </c>
      <c r="C518" s="38" t="s">
        <v>5</v>
      </c>
      <c r="D518" s="27"/>
      <c r="E518" s="44">
        <v>0.17</v>
      </c>
      <c r="F518" s="29">
        <f t="shared" si="26"/>
        <v>0</v>
      </c>
    </row>
    <row r="519" spans="1:6" x14ac:dyDescent="0.25">
      <c r="A519" s="24" t="s">
        <v>250</v>
      </c>
      <c r="B519" s="61" t="s">
        <v>50</v>
      </c>
      <c r="C519" s="38" t="s">
        <v>5</v>
      </c>
      <c r="D519" s="27"/>
      <c r="E519" s="44">
        <v>0.17</v>
      </c>
      <c r="F519" s="29">
        <f t="shared" si="26"/>
        <v>0</v>
      </c>
    </row>
    <row r="520" spans="1:6" x14ac:dyDescent="0.25">
      <c r="A520" s="24" t="s">
        <v>251</v>
      </c>
      <c r="B520" s="61" t="s">
        <v>50</v>
      </c>
      <c r="C520" s="38" t="s">
        <v>5</v>
      </c>
      <c r="D520" s="27"/>
      <c r="E520" s="44">
        <v>5.73</v>
      </c>
      <c r="F520" s="29">
        <f t="shared" si="26"/>
        <v>0</v>
      </c>
    </row>
    <row r="521" spans="1:6" x14ac:dyDescent="0.25">
      <c r="A521" s="24" t="s">
        <v>265</v>
      </c>
      <c r="B521" s="61" t="s">
        <v>50</v>
      </c>
      <c r="C521" s="38" t="s">
        <v>17</v>
      </c>
      <c r="D521" s="27"/>
      <c r="E521" s="44">
        <v>0.14000000000000001</v>
      </c>
      <c r="F521" s="29">
        <f t="shared" si="26"/>
        <v>0</v>
      </c>
    </row>
    <row r="522" spans="1:6" x14ac:dyDescent="0.25">
      <c r="A522" s="36" t="s">
        <v>158</v>
      </c>
      <c r="B522" s="61"/>
      <c r="C522" s="38"/>
      <c r="D522" s="27"/>
      <c r="E522" s="44"/>
      <c r="F522" s="29">
        <f t="shared" si="25"/>
        <v>0</v>
      </c>
    </row>
    <row r="523" spans="1:6" x14ac:dyDescent="0.25">
      <c r="A523" s="53" t="s">
        <v>51</v>
      </c>
      <c r="B523" s="61"/>
      <c r="C523" s="38"/>
      <c r="D523" s="27"/>
      <c r="E523" s="44"/>
      <c r="F523" s="29">
        <f t="shared" si="25"/>
        <v>0</v>
      </c>
    </row>
    <row r="524" spans="1:6" x14ac:dyDescent="0.25">
      <c r="A524" s="24" t="s">
        <v>268</v>
      </c>
      <c r="B524" s="61" t="s">
        <v>52</v>
      </c>
      <c r="C524" s="38" t="s">
        <v>5</v>
      </c>
      <c r="D524" s="27"/>
      <c r="E524" s="44">
        <v>4</v>
      </c>
      <c r="F524" s="29">
        <f t="shared" ref="F524:F546" si="27">SUM(D524*E524)</f>
        <v>0</v>
      </c>
    </row>
    <row r="525" spans="1:6" x14ac:dyDescent="0.25">
      <c r="A525" s="24" t="s">
        <v>269</v>
      </c>
      <c r="B525" s="61" t="s">
        <v>52</v>
      </c>
      <c r="C525" s="38" t="s">
        <v>5</v>
      </c>
      <c r="D525" s="27"/>
      <c r="E525" s="44">
        <v>44.8</v>
      </c>
      <c r="F525" s="29">
        <f t="shared" si="27"/>
        <v>0</v>
      </c>
    </row>
    <row r="526" spans="1:6" x14ac:dyDescent="0.25">
      <c r="A526" s="24" t="s">
        <v>270</v>
      </c>
      <c r="B526" s="61" t="s">
        <v>52</v>
      </c>
      <c r="C526" s="38" t="s">
        <v>17</v>
      </c>
      <c r="D526" s="27"/>
      <c r="E526" s="44">
        <v>0.23</v>
      </c>
      <c r="F526" s="29">
        <f t="shared" si="27"/>
        <v>0</v>
      </c>
    </row>
    <row r="527" spans="1:6" x14ac:dyDescent="0.25">
      <c r="A527" s="24" t="s">
        <v>271</v>
      </c>
      <c r="B527" s="61" t="s">
        <v>52</v>
      </c>
      <c r="C527" s="38" t="s">
        <v>17</v>
      </c>
      <c r="D527" s="27"/>
      <c r="E527" s="44">
        <v>3.21</v>
      </c>
      <c r="F527" s="29">
        <f t="shared" si="27"/>
        <v>0</v>
      </c>
    </row>
    <row r="528" spans="1:6" x14ac:dyDescent="0.25">
      <c r="A528" s="24" t="s">
        <v>1160</v>
      </c>
      <c r="B528" s="61" t="s">
        <v>52</v>
      </c>
      <c r="C528" s="38" t="s">
        <v>18</v>
      </c>
      <c r="D528" s="27"/>
      <c r="E528" s="44">
        <v>5.5</v>
      </c>
      <c r="F528" s="29">
        <f t="shared" si="27"/>
        <v>0</v>
      </c>
    </row>
    <row r="529" spans="1:6" s="1" customFormat="1" x14ac:dyDescent="0.25">
      <c r="A529" s="24" t="s">
        <v>272</v>
      </c>
      <c r="B529" s="61" t="s">
        <v>52</v>
      </c>
      <c r="C529" s="38" t="s">
        <v>18</v>
      </c>
      <c r="D529" s="27"/>
      <c r="E529" s="44">
        <v>20</v>
      </c>
      <c r="F529" s="29">
        <f t="shared" si="27"/>
        <v>0</v>
      </c>
    </row>
    <row r="530" spans="1:6" s="1" customFormat="1" x14ac:dyDescent="0.25">
      <c r="A530" s="24" t="s">
        <v>1255</v>
      </c>
      <c r="B530" s="61" t="s">
        <v>52</v>
      </c>
      <c r="C530" s="38" t="s">
        <v>5</v>
      </c>
      <c r="D530" s="27"/>
      <c r="E530" s="44">
        <v>3.5</v>
      </c>
      <c r="F530" s="29">
        <f t="shared" si="27"/>
        <v>0</v>
      </c>
    </row>
    <row r="531" spans="1:6" x14ac:dyDescent="0.25">
      <c r="A531" s="24" t="s">
        <v>273</v>
      </c>
      <c r="B531" s="61" t="s">
        <v>52</v>
      </c>
      <c r="C531" s="38" t="s">
        <v>54</v>
      </c>
      <c r="D531" s="27"/>
      <c r="E531" s="44">
        <v>1.48</v>
      </c>
      <c r="F531" s="29">
        <f t="shared" si="27"/>
        <v>0</v>
      </c>
    </row>
    <row r="532" spans="1:6" x14ac:dyDescent="0.25">
      <c r="A532" s="24" t="s">
        <v>274</v>
      </c>
      <c r="B532" s="61" t="s">
        <v>52</v>
      </c>
      <c r="C532" s="38" t="s">
        <v>5</v>
      </c>
      <c r="D532" s="27"/>
      <c r="E532" s="44">
        <v>14.8</v>
      </c>
      <c r="F532" s="29">
        <f t="shared" si="27"/>
        <v>0</v>
      </c>
    </row>
    <row r="533" spans="1:6" x14ac:dyDescent="0.25">
      <c r="A533" s="24" t="s">
        <v>275</v>
      </c>
      <c r="B533" s="61" t="s">
        <v>52</v>
      </c>
      <c r="C533" s="38" t="s">
        <v>5</v>
      </c>
      <c r="D533" s="27"/>
      <c r="E533" s="44">
        <v>3</v>
      </c>
      <c r="F533" s="29">
        <f t="shared" si="27"/>
        <v>0</v>
      </c>
    </row>
    <row r="534" spans="1:6" x14ac:dyDescent="0.25">
      <c r="A534" s="24" t="s">
        <v>276</v>
      </c>
      <c r="B534" s="61" t="s">
        <v>52</v>
      </c>
      <c r="C534" s="38" t="s">
        <v>5</v>
      </c>
      <c r="D534" s="27"/>
      <c r="E534" s="44">
        <v>33.299999999999997</v>
      </c>
      <c r="F534" s="29">
        <f t="shared" si="27"/>
        <v>0</v>
      </c>
    </row>
    <row r="535" spans="1:6" x14ac:dyDescent="0.25">
      <c r="A535" s="24" t="s">
        <v>277</v>
      </c>
      <c r="B535" s="61" t="s">
        <v>52</v>
      </c>
      <c r="C535" s="38" t="s">
        <v>25</v>
      </c>
      <c r="D535" s="27"/>
      <c r="E535" s="44">
        <v>25.8</v>
      </c>
      <c r="F535" s="29">
        <f t="shared" si="27"/>
        <v>0</v>
      </c>
    </row>
    <row r="536" spans="1:6" x14ac:dyDescent="0.25">
      <c r="A536" s="24" t="s">
        <v>278</v>
      </c>
      <c r="B536" s="61" t="s">
        <v>52</v>
      </c>
      <c r="C536" s="38" t="s">
        <v>25</v>
      </c>
      <c r="D536" s="27"/>
      <c r="E536" s="44">
        <v>25.8</v>
      </c>
      <c r="F536" s="29">
        <f t="shared" si="27"/>
        <v>0</v>
      </c>
    </row>
    <row r="537" spans="1:6" x14ac:dyDescent="0.25">
      <c r="A537" s="24" t="s">
        <v>279</v>
      </c>
      <c r="B537" s="61" t="s">
        <v>52</v>
      </c>
      <c r="C537" s="38" t="s">
        <v>25</v>
      </c>
      <c r="D537" s="27"/>
      <c r="E537" s="44">
        <v>28.5</v>
      </c>
      <c r="F537" s="29">
        <f t="shared" si="27"/>
        <v>0</v>
      </c>
    </row>
    <row r="538" spans="1:6" x14ac:dyDescent="0.25">
      <c r="A538" s="24" t="s">
        <v>280</v>
      </c>
      <c r="B538" s="61" t="s">
        <v>52</v>
      </c>
      <c r="C538" s="38" t="s">
        <v>25</v>
      </c>
      <c r="D538" s="27"/>
      <c r="E538" s="44">
        <v>2.85</v>
      </c>
      <c r="F538" s="29">
        <f t="shared" si="27"/>
        <v>0</v>
      </c>
    </row>
    <row r="539" spans="1:6" x14ac:dyDescent="0.25">
      <c r="A539" s="24" t="s">
        <v>1246</v>
      </c>
      <c r="B539" s="61" t="s">
        <v>52</v>
      </c>
      <c r="C539" s="38" t="s">
        <v>83</v>
      </c>
      <c r="D539" s="27"/>
      <c r="E539" s="44">
        <v>40</v>
      </c>
      <c r="F539" s="29">
        <f t="shared" si="27"/>
        <v>0</v>
      </c>
    </row>
    <row r="540" spans="1:6" x14ac:dyDescent="0.25">
      <c r="A540" s="24" t="s">
        <v>281</v>
      </c>
      <c r="B540" s="61" t="s">
        <v>52</v>
      </c>
      <c r="C540" s="38" t="s">
        <v>25</v>
      </c>
      <c r="D540" s="27"/>
      <c r="E540" s="44">
        <v>12.75</v>
      </c>
      <c r="F540" s="29">
        <f t="shared" si="27"/>
        <v>0</v>
      </c>
    </row>
    <row r="541" spans="1:6" x14ac:dyDescent="0.25">
      <c r="A541" s="24" t="s">
        <v>267</v>
      </c>
      <c r="B541" s="61" t="s">
        <v>52</v>
      </c>
      <c r="C541" s="38" t="s">
        <v>53</v>
      </c>
      <c r="D541" s="27"/>
      <c r="E541" s="44">
        <v>0.86</v>
      </c>
      <c r="F541" s="29">
        <f t="shared" si="27"/>
        <v>0</v>
      </c>
    </row>
    <row r="542" spans="1:6" x14ac:dyDescent="0.25">
      <c r="A542" s="24" t="s">
        <v>282</v>
      </c>
      <c r="B542" s="61" t="s">
        <v>52</v>
      </c>
      <c r="C542" s="38" t="s">
        <v>18</v>
      </c>
      <c r="D542" s="27"/>
      <c r="E542" s="44">
        <v>43</v>
      </c>
      <c r="F542" s="29">
        <f t="shared" si="27"/>
        <v>0</v>
      </c>
    </row>
    <row r="543" spans="1:6" x14ac:dyDescent="0.25">
      <c r="A543" s="24" t="s">
        <v>283</v>
      </c>
      <c r="B543" s="61" t="s">
        <v>52</v>
      </c>
      <c r="C543" s="38" t="s">
        <v>5</v>
      </c>
      <c r="D543" s="27"/>
      <c r="E543" s="44">
        <v>3.95</v>
      </c>
      <c r="F543" s="29">
        <f t="shared" si="27"/>
        <v>0</v>
      </c>
    </row>
    <row r="544" spans="1:6" x14ac:dyDescent="0.25">
      <c r="A544" s="24" t="s">
        <v>284</v>
      </c>
      <c r="B544" s="61" t="s">
        <v>52</v>
      </c>
      <c r="C544" s="38" t="s">
        <v>5</v>
      </c>
      <c r="D544" s="27"/>
      <c r="E544" s="44">
        <v>4</v>
      </c>
      <c r="F544" s="29">
        <f t="shared" si="27"/>
        <v>0</v>
      </c>
    </row>
    <row r="545" spans="1:6" x14ac:dyDescent="0.25">
      <c r="A545" s="24" t="s">
        <v>285</v>
      </c>
      <c r="B545" s="61" t="s">
        <v>52</v>
      </c>
      <c r="C545" s="38" t="s">
        <v>5</v>
      </c>
      <c r="D545" s="27"/>
      <c r="E545" s="44">
        <v>5.4</v>
      </c>
      <c r="F545" s="29">
        <f t="shared" si="27"/>
        <v>0</v>
      </c>
    </row>
    <row r="546" spans="1:6" x14ac:dyDescent="0.25">
      <c r="A546" s="24" t="s">
        <v>286</v>
      </c>
      <c r="B546" s="61" t="s">
        <v>52</v>
      </c>
      <c r="C546" s="38" t="s">
        <v>5</v>
      </c>
      <c r="D546" s="27"/>
      <c r="E546" s="44">
        <v>10.130000000000001</v>
      </c>
      <c r="F546" s="29">
        <f t="shared" si="27"/>
        <v>0</v>
      </c>
    </row>
    <row r="547" spans="1:6" s="1" customFormat="1" x14ac:dyDescent="0.25">
      <c r="A547" s="24"/>
      <c r="B547" s="61"/>
      <c r="C547" s="38"/>
      <c r="D547" s="27"/>
      <c r="E547" s="44"/>
      <c r="F547" s="29"/>
    </row>
    <row r="548" spans="1:6" x14ac:dyDescent="0.25">
      <c r="A548" s="53" t="s">
        <v>55</v>
      </c>
      <c r="B548" s="61"/>
      <c r="C548" s="38"/>
      <c r="D548" s="27"/>
      <c r="E548" s="44"/>
      <c r="F548" s="29">
        <f t="shared" ref="F548:F583" si="28">SUM(D548*E548)</f>
        <v>0</v>
      </c>
    </row>
    <row r="549" spans="1:6" x14ac:dyDescent="0.25">
      <c r="A549" s="24" t="s">
        <v>1281</v>
      </c>
      <c r="B549" s="61" t="s">
        <v>56</v>
      </c>
      <c r="C549" s="38" t="s">
        <v>5</v>
      </c>
      <c r="D549" s="27"/>
      <c r="E549" s="44">
        <v>24.55</v>
      </c>
      <c r="F549" s="29">
        <f t="shared" ref="F549:F574" si="29">SUM(D549*E549)</f>
        <v>0</v>
      </c>
    </row>
    <row r="550" spans="1:6" x14ac:dyDescent="0.25">
      <c r="A550" s="24" t="s">
        <v>1283</v>
      </c>
      <c r="B550" s="61" t="s">
        <v>56</v>
      </c>
      <c r="C550" s="38" t="s">
        <v>25</v>
      </c>
      <c r="D550" s="27"/>
      <c r="E550" s="44">
        <v>76</v>
      </c>
      <c r="F550" s="29">
        <f t="shared" si="29"/>
        <v>0</v>
      </c>
    </row>
    <row r="551" spans="1:6" x14ac:dyDescent="0.25">
      <c r="A551" s="24" t="s">
        <v>1284</v>
      </c>
      <c r="B551" s="61" t="s">
        <v>56</v>
      </c>
      <c r="C551" s="38" t="s">
        <v>25</v>
      </c>
      <c r="D551" s="27"/>
      <c r="E551" s="44">
        <v>54.92</v>
      </c>
      <c r="F551" s="29">
        <f t="shared" si="29"/>
        <v>0</v>
      </c>
    </row>
    <row r="552" spans="1:6" x14ac:dyDescent="0.25">
      <c r="A552" s="24" t="s">
        <v>1282</v>
      </c>
      <c r="B552" s="61" t="s">
        <v>56</v>
      </c>
      <c r="C552" s="38" t="s">
        <v>5</v>
      </c>
      <c r="D552" s="27"/>
      <c r="E552" s="44">
        <v>4.6500000000000004</v>
      </c>
      <c r="F552" s="29">
        <f t="shared" si="29"/>
        <v>0</v>
      </c>
    </row>
    <row r="553" spans="1:6" x14ac:dyDescent="0.25">
      <c r="A553" s="24" t="s">
        <v>1285</v>
      </c>
      <c r="B553" s="61" t="s">
        <v>56</v>
      </c>
      <c r="C553" s="38" t="s">
        <v>5</v>
      </c>
      <c r="D553" s="27"/>
      <c r="E553" s="44">
        <v>3.1</v>
      </c>
      <c r="F553" s="29">
        <f t="shared" si="29"/>
        <v>0</v>
      </c>
    </row>
    <row r="554" spans="1:6" x14ac:dyDescent="0.25">
      <c r="A554" s="24" t="s">
        <v>1286</v>
      </c>
      <c r="B554" s="61" t="s">
        <v>56</v>
      </c>
      <c r="C554" s="38" t="s">
        <v>5</v>
      </c>
      <c r="D554" s="27"/>
      <c r="E554" s="44">
        <v>2.79</v>
      </c>
      <c r="F554" s="29">
        <f t="shared" si="29"/>
        <v>0</v>
      </c>
    </row>
    <row r="555" spans="1:6" x14ac:dyDescent="0.25">
      <c r="A555" s="24" t="s">
        <v>1287</v>
      </c>
      <c r="B555" s="61" t="s">
        <v>56</v>
      </c>
      <c r="C555" s="38" t="s">
        <v>5</v>
      </c>
      <c r="D555" s="27"/>
      <c r="E555" s="44">
        <v>6</v>
      </c>
      <c r="F555" s="29">
        <f t="shared" si="29"/>
        <v>0</v>
      </c>
    </row>
    <row r="556" spans="1:6" x14ac:dyDescent="0.25">
      <c r="A556" s="24" t="s">
        <v>1288</v>
      </c>
      <c r="B556" s="61" t="s">
        <v>56</v>
      </c>
      <c r="C556" s="38" t="s">
        <v>5</v>
      </c>
      <c r="D556" s="27"/>
      <c r="E556" s="44">
        <v>5.0199999999999996</v>
      </c>
      <c r="F556" s="29">
        <f t="shared" si="29"/>
        <v>0</v>
      </c>
    </row>
    <row r="557" spans="1:6" x14ac:dyDescent="0.25">
      <c r="A557" s="24" t="s">
        <v>1289</v>
      </c>
      <c r="B557" s="61" t="s">
        <v>56</v>
      </c>
      <c r="C557" s="38" t="s">
        <v>5</v>
      </c>
      <c r="D557" s="27"/>
      <c r="E557" s="44">
        <v>28.72</v>
      </c>
      <c r="F557" s="29">
        <f t="shared" si="29"/>
        <v>0</v>
      </c>
    </row>
    <row r="558" spans="1:6" x14ac:dyDescent="0.25">
      <c r="A558" s="24" t="s">
        <v>1290</v>
      </c>
      <c r="B558" s="61" t="s">
        <v>56</v>
      </c>
      <c r="C558" s="38" t="s">
        <v>5</v>
      </c>
      <c r="D558" s="27"/>
      <c r="E558" s="44">
        <v>4.75</v>
      </c>
      <c r="F558" s="29">
        <f t="shared" si="29"/>
        <v>0</v>
      </c>
    </row>
    <row r="559" spans="1:6" x14ac:dyDescent="0.25">
      <c r="A559" s="24" t="s">
        <v>1291</v>
      </c>
      <c r="B559" s="61" t="s">
        <v>56</v>
      </c>
      <c r="C559" s="38" t="s">
        <v>5</v>
      </c>
      <c r="D559" s="27"/>
      <c r="E559" s="44">
        <v>4.75</v>
      </c>
      <c r="F559" s="29">
        <f t="shared" si="29"/>
        <v>0</v>
      </c>
    </row>
    <row r="560" spans="1:6" x14ac:dyDescent="0.25">
      <c r="A560" s="24" t="s">
        <v>1292</v>
      </c>
      <c r="B560" s="61" t="s">
        <v>56</v>
      </c>
      <c r="C560" s="38" t="s">
        <v>5</v>
      </c>
      <c r="D560" s="27"/>
      <c r="E560" s="44">
        <v>4.75</v>
      </c>
      <c r="F560" s="29">
        <f t="shared" si="29"/>
        <v>0</v>
      </c>
    </row>
    <row r="561" spans="1:6" x14ac:dyDescent="0.25">
      <c r="A561" s="24" t="s">
        <v>1293</v>
      </c>
      <c r="B561" s="61" t="s">
        <v>56</v>
      </c>
      <c r="C561" s="38" t="s">
        <v>5</v>
      </c>
      <c r="D561" s="27"/>
      <c r="E561" s="44">
        <v>4.0999999999999996</v>
      </c>
      <c r="F561" s="29">
        <f t="shared" si="29"/>
        <v>0</v>
      </c>
    </row>
    <row r="562" spans="1:6" x14ac:dyDescent="0.25">
      <c r="A562" s="24" t="s">
        <v>731</v>
      </c>
      <c r="B562" s="61" t="s">
        <v>56</v>
      </c>
      <c r="C562" s="38" t="s">
        <v>5</v>
      </c>
      <c r="D562" s="27"/>
      <c r="E562" s="44">
        <v>50.24</v>
      </c>
      <c r="F562" s="29">
        <f t="shared" si="29"/>
        <v>0</v>
      </c>
    </row>
    <row r="563" spans="1:6" x14ac:dyDescent="0.25">
      <c r="A563" s="24" t="s">
        <v>1294</v>
      </c>
      <c r="B563" s="61" t="s">
        <v>56</v>
      </c>
      <c r="C563" s="38" t="s">
        <v>5</v>
      </c>
      <c r="D563" s="27"/>
      <c r="E563" s="44">
        <v>15.39</v>
      </c>
      <c r="F563" s="29">
        <f t="shared" si="29"/>
        <v>0</v>
      </c>
    </row>
    <row r="564" spans="1:6" s="1" customFormat="1" x14ac:dyDescent="0.25">
      <c r="A564" s="24" t="s">
        <v>1295</v>
      </c>
      <c r="B564" s="61" t="s">
        <v>56</v>
      </c>
      <c r="C564" s="38" t="s">
        <v>5</v>
      </c>
      <c r="D564" s="27"/>
      <c r="E564" s="44">
        <v>7.01</v>
      </c>
      <c r="F564" s="29">
        <f t="shared" si="29"/>
        <v>0</v>
      </c>
    </row>
    <row r="565" spans="1:6" s="1" customFormat="1" x14ac:dyDescent="0.25">
      <c r="A565" s="24" t="s">
        <v>1296</v>
      </c>
      <c r="B565" s="61" t="s">
        <v>56</v>
      </c>
      <c r="C565" s="38" t="s">
        <v>5</v>
      </c>
      <c r="D565" s="27"/>
      <c r="E565" s="44">
        <v>35.53</v>
      </c>
      <c r="F565" s="29">
        <f t="shared" si="29"/>
        <v>0</v>
      </c>
    </row>
    <row r="566" spans="1:6" x14ac:dyDescent="0.25">
      <c r="A566" s="24" t="s">
        <v>1297</v>
      </c>
      <c r="B566" s="61" t="s">
        <v>56</v>
      </c>
      <c r="C566" s="38" t="s">
        <v>5</v>
      </c>
      <c r="D566" s="27"/>
      <c r="E566" s="44">
        <v>7</v>
      </c>
      <c r="F566" s="29">
        <f t="shared" si="29"/>
        <v>0</v>
      </c>
    </row>
    <row r="567" spans="1:6" x14ac:dyDescent="0.25">
      <c r="A567" s="24" t="s">
        <v>732</v>
      </c>
      <c r="B567" s="61" t="s">
        <v>56</v>
      </c>
      <c r="C567" s="38" t="s">
        <v>5</v>
      </c>
      <c r="D567" s="27"/>
      <c r="E567" s="44">
        <v>19.489999999999998</v>
      </c>
      <c r="F567" s="29">
        <f t="shared" si="29"/>
        <v>0</v>
      </c>
    </row>
    <row r="568" spans="1:6" x14ac:dyDescent="0.25">
      <c r="A568" s="24" t="s">
        <v>1298</v>
      </c>
      <c r="B568" s="61" t="s">
        <v>56</v>
      </c>
      <c r="C568" s="38" t="s">
        <v>5</v>
      </c>
      <c r="D568" s="27"/>
      <c r="E568" s="44">
        <v>7.83</v>
      </c>
      <c r="F568" s="29">
        <f t="shared" si="29"/>
        <v>0</v>
      </c>
    </row>
    <row r="569" spans="1:6" x14ac:dyDescent="0.25">
      <c r="A569" s="24" t="s">
        <v>733</v>
      </c>
      <c r="B569" s="61" t="s">
        <v>56</v>
      </c>
      <c r="C569" s="38" t="s">
        <v>5</v>
      </c>
      <c r="D569" s="27"/>
      <c r="E569" s="44">
        <v>52</v>
      </c>
      <c r="F569" s="29">
        <f t="shared" si="29"/>
        <v>0</v>
      </c>
    </row>
    <row r="570" spans="1:6" x14ac:dyDescent="0.25">
      <c r="A570" s="24" t="s">
        <v>1299</v>
      </c>
      <c r="B570" s="61" t="s">
        <v>56</v>
      </c>
      <c r="C570" s="38" t="s">
        <v>5</v>
      </c>
      <c r="D570" s="27"/>
      <c r="E570" s="44">
        <v>7.2</v>
      </c>
      <c r="F570" s="29">
        <f t="shared" si="29"/>
        <v>0</v>
      </c>
    </row>
    <row r="571" spans="1:6" x14ac:dyDescent="0.25">
      <c r="A571" s="24" t="s">
        <v>1300</v>
      </c>
      <c r="B571" s="61" t="s">
        <v>56</v>
      </c>
      <c r="C571" s="38" t="s">
        <v>5</v>
      </c>
      <c r="D571" s="27"/>
      <c r="E571" s="44">
        <v>3.24</v>
      </c>
      <c r="F571" s="29">
        <f t="shared" si="29"/>
        <v>0</v>
      </c>
    </row>
    <row r="572" spans="1:6" x14ac:dyDescent="0.25">
      <c r="A572" s="24" t="s">
        <v>1301</v>
      </c>
      <c r="B572" s="61" t="s">
        <v>56</v>
      </c>
      <c r="C572" s="38" t="s">
        <v>5</v>
      </c>
      <c r="D572" s="27"/>
      <c r="E572" s="44">
        <v>6.79</v>
      </c>
      <c r="F572" s="29">
        <f t="shared" si="29"/>
        <v>0</v>
      </c>
    </row>
    <row r="573" spans="1:6" x14ac:dyDescent="0.25">
      <c r="A573" s="57" t="s">
        <v>1302</v>
      </c>
      <c r="B573" s="62" t="s">
        <v>56</v>
      </c>
      <c r="C573" s="39" t="s">
        <v>5</v>
      </c>
      <c r="D573" s="31"/>
      <c r="E573" s="45">
        <v>18</v>
      </c>
      <c r="F573" s="32">
        <f t="shared" si="29"/>
        <v>0</v>
      </c>
    </row>
    <row r="574" spans="1:6" x14ac:dyDescent="0.25">
      <c r="A574" s="24" t="s">
        <v>1303</v>
      </c>
      <c r="B574" s="61" t="s">
        <v>56</v>
      </c>
      <c r="C574" s="38" t="s">
        <v>5</v>
      </c>
      <c r="D574" s="27"/>
      <c r="E574" s="44">
        <v>4.5</v>
      </c>
      <c r="F574" s="29">
        <f t="shared" si="29"/>
        <v>0</v>
      </c>
    </row>
    <row r="575" spans="1:6" s="1" customFormat="1" x14ac:dyDescent="0.25">
      <c r="A575" s="24" t="s">
        <v>1304</v>
      </c>
      <c r="B575" s="61" t="s">
        <v>56</v>
      </c>
      <c r="C575" s="38" t="s">
        <v>5</v>
      </c>
      <c r="D575" s="27"/>
      <c r="E575" s="44">
        <v>16.399999999999999</v>
      </c>
      <c r="F575" s="29"/>
    </row>
    <row r="576" spans="1:6" s="1" customFormat="1" x14ac:dyDescent="0.25">
      <c r="A576" s="24" t="s">
        <v>1305</v>
      </c>
      <c r="B576" s="61" t="s">
        <v>56</v>
      </c>
      <c r="C576" s="38" t="s">
        <v>5</v>
      </c>
      <c r="D576" s="27"/>
      <c r="E576" s="44">
        <v>14.67</v>
      </c>
      <c r="F576" s="29"/>
    </row>
    <row r="577" spans="1:6" x14ac:dyDescent="0.25">
      <c r="A577" s="24" t="s">
        <v>1306</v>
      </c>
      <c r="B577" s="61" t="s">
        <v>56</v>
      </c>
      <c r="C577" s="38" t="s">
        <v>5</v>
      </c>
      <c r="D577" s="27"/>
      <c r="E577" s="44">
        <v>27.5</v>
      </c>
      <c r="F577" s="29">
        <f>SUM(D577*E577)</f>
        <v>0</v>
      </c>
    </row>
    <row r="578" spans="1:6" x14ac:dyDescent="0.25">
      <c r="A578" s="24" t="s">
        <v>1307</v>
      </c>
      <c r="B578" s="61" t="s">
        <v>56</v>
      </c>
      <c r="C578" s="38" t="s">
        <v>5</v>
      </c>
      <c r="D578" s="27"/>
      <c r="E578" s="44">
        <v>27.5</v>
      </c>
      <c r="F578" s="29">
        <f>SUM(D578*E578)</f>
        <v>0</v>
      </c>
    </row>
    <row r="579" spans="1:6" x14ac:dyDescent="0.25">
      <c r="A579" s="24" t="s">
        <v>1308</v>
      </c>
      <c r="B579" s="61" t="s">
        <v>56</v>
      </c>
      <c r="C579" s="38" t="s">
        <v>5</v>
      </c>
      <c r="D579" s="27"/>
      <c r="E579" s="44">
        <v>24.86</v>
      </c>
      <c r="F579" s="29">
        <f>SUM(D579*E579)</f>
        <v>0</v>
      </c>
    </row>
    <row r="580" spans="1:6" x14ac:dyDescent="0.25">
      <c r="A580" s="24" t="s">
        <v>1309</v>
      </c>
      <c r="B580" s="61" t="s">
        <v>56</v>
      </c>
      <c r="C580" s="38" t="s">
        <v>5</v>
      </c>
      <c r="D580" s="27"/>
      <c r="E580" s="44">
        <v>7</v>
      </c>
      <c r="F580" s="29">
        <f>SUM(D580*E580)</f>
        <v>0</v>
      </c>
    </row>
    <row r="581" spans="1:6" x14ac:dyDescent="0.25">
      <c r="A581" s="24" t="s">
        <v>734</v>
      </c>
      <c r="B581" s="61" t="s">
        <v>56</v>
      </c>
      <c r="C581" s="38" t="s">
        <v>5</v>
      </c>
      <c r="D581" s="27"/>
      <c r="E581" s="44">
        <v>213.85</v>
      </c>
      <c r="F581" s="29">
        <f>SUM(D581*E581)</f>
        <v>0</v>
      </c>
    </row>
    <row r="582" spans="1:6" x14ac:dyDescent="0.25">
      <c r="A582" s="36" t="s">
        <v>158</v>
      </c>
      <c r="B582" s="61"/>
      <c r="C582" s="38"/>
      <c r="D582" s="27"/>
      <c r="E582" s="44"/>
      <c r="F582" s="29">
        <f t="shared" si="28"/>
        <v>0</v>
      </c>
    </row>
    <row r="583" spans="1:6" x14ac:dyDescent="0.25">
      <c r="A583" s="53" t="s">
        <v>57</v>
      </c>
      <c r="B583" s="61"/>
      <c r="C583" s="38"/>
      <c r="D583" s="27"/>
      <c r="E583" s="44"/>
      <c r="F583" s="29">
        <f t="shared" si="28"/>
        <v>0</v>
      </c>
    </row>
    <row r="584" spans="1:6" x14ac:dyDescent="0.25">
      <c r="A584" s="24" t="s">
        <v>287</v>
      </c>
      <c r="B584" s="61" t="s">
        <v>542</v>
      </c>
      <c r="C584" s="38" t="s">
        <v>5</v>
      </c>
      <c r="D584" s="27"/>
      <c r="E584" s="44">
        <v>17.5</v>
      </c>
      <c r="F584" s="29">
        <f t="shared" ref="F584:F599" si="30">SUM(D584*E584)</f>
        <v>0</v>
      </c>
    </row>
    <row r="585" spans="1:6" x14ac:dyDescent="0.25">
      <c r="A585" s="24" t="s">
        <v>288</v>
      </c>
      <c r="B585" s="61" t="s">
        <v>542</v>
      </c>
      <c r="C585" s="38" t="s">
        <v>5</v>
      </c>
      <c r="D585" s="27"/>
      <c r="E585" s="44">
        <v>9.3800000000000008</v>
      </c>
      <c r="F585" s="29">
        <f t="shared" si="30"/>
        <v>0</v>
      </c>
    </row>
    <row r="586" spans="1:6" x14ac:dyDescent="0.25">
      <c r="A586" s="24" t="s">
        <v>289</v>
      </c>
      <c r="B586" s="61" t="s">
        <v>542</v>
      </c>
      <c r="C586" s="38" t="s">
        <v>5</v>
      </c>
      <c r="D586" s="27"/>
      <c r="E586" s="44">
        <v>74</v>
      </c>
      <c r="F586" s="29">
        <f t="shared" si="30"/>
        <v>0</v>
      </c>
    </row>
    <row r="587" spans="1:6" x14ac:dyDescent="0.25">
      <c r="A587" s="24" t="s">
        <v>290</v>
      </c>
      <c r="B587" s="61" t="s">
        <v>542</v>
      </c>
      <c r="C587" s="38" t="s">
        <v>5</v>
      </c>
      <c r="D587" s="27"/>
      <c r="E587" s="44">
        <v>20.82</v>
      </c>
      <c r="F587" s="29">
        <f t="shared" si="30"/>
        <v>0</v>
      </c>
    </row>
    <row r="588" spans="1:6" x14ac:dyDescent="0.25">
      <c r="A588" s="24" t="s">
        <v>291</v>
      </c>
      <c r="B588" s="61" t="s">
        <v>542</v>
      </c>
      <c r="C588" s="38" t="s">
        <v>5</v>
      </c>
      <c r="D588" s="27"/>
      <c r="E588" s="44">
        <v>34</v>
      </c>
      <c r="F588" s="29">
        <f t="shared" si="30"/>
        <v>0</v>
      </c>
    </row>
    <row r="589" spans="1:6" x14ac:dyDescent="0.25">
      <c r="A589" s="24" t="s">
        <v>292</v>
      </c>
      <c r="B589" s="61" t="s">
        <v>542</v>
      </c>
      <c r="C589" s="38" t="s">
        <v>58</v>
      </c>
      <c r="D589" s="27"/>
      <c r="E589" s="44">
        <v>180</v>
      </c>
      <c r="F589" s="29">
        <f t="shared" si="30"/>
        <v>0</v>
      </c>
    </row>
    <row r="590" spans="1:6" x14ac:dyDescent="0.25">
      <c r="A590" s="24" t="s">
        <v>293</v>
      </c>
      <c r="B590" s="61" t="s">
        <v>542</v>
      </c>
      <c r="C590" s="38" t="s">
        <v>5</v>
      </c>
      <c r="D590" s="27"/>
      <c r="E590" s="44">
        <v>42</v>
      </c>
      <c r="F590" s="29">
        <f t="shared" si="30"/>
        <v>0</v>
      </c>
    </row>
    <row r="591" spans="1:6" x14ac:dyDescent="0.25">
      <c r="A591" s="24" t="s">
        <v>294</v>
      </c>
      <c r="B591" s="61" t="s">
        <v>542</v>
      </c>
      <c r="C591" s="38" t="s">
        <v>20</v>
      </c>
      <c r="D591" s="27"/>
      <c r="E591" s="44">
        <v>121</v>
      </c>
      <c r="F591" s="29">
        <f t="shared" si="30"/>
        <v>0</v>
      </c>
    </row>
    <row r="592" spans="1:6" x14ac:dyDescent="0.25">
      <c r="A592" s="24" t="s">
        <v>295</v>
      </c>
      <c r="B592" s="61" t="s">
        <v>542</v>
      </c>
      <c r="C592" s="38" t="s">
        <v>18</v>
      </c>
      <c r="D592" s="27"/>
      <c r="E592" s="44">
        <v>39</v>
      </c>
      <c r="F592" s="29">
        <f t="shared" si="30"/>
        <v>0</v>
      </c>
    </row>
    <row r="593" spans="1:6" x14ac:dyDescent="0.25">
      <c r="A593" s="24" t="s">
        <v>296</v>
      </c>
      <c r="B593" s="61" t="s">
        <v>542</v>
      </c>
      <c r="C593" s="38" t="s">
        <v>5</v>
      </c>
      <c r="D593" s="27"/>
      <c r="E593" s="44">
        <v>39</v>
      </c>
      <c r="F593" s="29">
        <f t="shared" si="30"/>
        <v>0</v>
      </c>
    </row>
    <row r="594" spans="1:6" x14ac:dyDescent="0.25">
      <c r="A594" s="24" t="s">
        <v>297</v>
      </c>
      <c r="B594" s="61" t="s">
        <v>542</v>
      </c>
      <c r="C594" s="38" t="s">
        <v>5</v>
      </c>
      <c r="D594" s="27"/>
      <c r="E594" s="44">
        <v>89</v>
      </c>
      <c r="F594" s="33">
        <f t="shared" si="30"/>
        <v>0</v>
      </c>
    </row>
    <row r="595" spans="1:6" x14ac:dyDescent="0.25">
      <c r="A595" s="24" t="s">
        <v>298</v>
      </c>
      <c r="B595" s="61" t="s">
        <v>542</v>
      </c>
      <c r="C595" s="38" t="s">
        <v>25</v>
      </c>
      <c r="D595" s="27"/>
      <c r="E595" s="44">
        <v>52</v>
      </c>
      <c r="F595" s="29">
        <f t="shared" si="30"/>
        <v>0</v>
      </c>
    </row>
    <row r="596" spans="1:6" x14ac:dyDescent="0.25">
      <c r="A596" s="24" t="s">
        <v>299</v>
      </c>
      <c r="B596" s="61" t="s">
        <v>542</v>
      </c>
      <c r="C596" s="38" t="s">
        <v>25</v>
      </c>
      <c r="D596" s="27"/>
      <c r="E596" s="44">
        <v>52</v>
      </c>
      <c r="F596" s="29">
        <f t="shared" si="30"/>
        <v>0</v>
      </c>
    </row>
    <row r="597" spans="1:6" x14ac:dyDescent="0.25">
      <c r="A597" s="24" t="s">
        <v>300</v>
      </c>
      <c r="B597" s="61" t="s">
        <v>542</v>
      </c>
      <c r="C597" s="38" t="s">
        <v>5</v>
      </c>
      <c r="D597" s="27"/>
      <c r="E597" s="44">
        <v>8.5</v>
      </c>
      <c r="F597" s="29">
        <f t="shared" si="30"/>
        <v>0</v>
      </c>
    </row>
    <row r="598" spans="1:6" x14ac:dyDescent="0.25">
      <c r="A598" s="24" t="s">
        <v>301</v>
      </c>
      <c r="B598" s="61" t="s">
        <v>542</v>
      </c>
      <c r="C598" s="38" t="s">
        <v>5</v>
      </c>
      <c r="D598" s="27"/>
      <c r="E598" s="44">
        <v>0.74</v>
      </c>
      <c r="F598" s="29">
        <f t="shared" si="30"/>
        <v>0</v>
      </c>
    </row>
    <row r="599" spans="1:6" x14ac:dyDescent="0.25">
      <c r="A599" s="24" t="s">
        <v>302</v>
      </c>
      <c r="B599" s="61" t="s">
        <v>542</v>
      </c>
      <c r="C599" s="38" t="s">
        <v>18</v>
      </c>
      <c r="D599" s="27"/>
      <c r="E599" s="44">
        <v>18.25</v>
      </c>
      <c r="F599" s="29">
        <f t="shared" si="30"/>
        <v>0</v>
      </c>
    </row>
    <row r="600" spans="1:6" x14ac:dyDescent="0.25">
      <c r="A600" s="36" t="s">
        <v>158</v>
      </c>
      <c r="B600" s="61"/>
      <c r="C600" s="38"/>
      <c r="D600" s="27"/>
      <c r="E600" s="44"/>
      <c r="F600" s="29">
        <f t="shared" ref="F600:F660" si="31">SUM(D600*E600)</f>
        <v>0</v>
      </c>
    </row>
    <row r="601" spans="1:6" x14ac:dyDescent="0.25">
      <c r="A601" s="58" t="s">
        <v>59</v>
      </c>
      <c r="B601" s="61"/>
      <c r="C601" s="38"/>
      <c r="D601" s="27"/>
      <c r="E601" s="44"/>
      <c r="F601" s="29">
        <f t="shared" si="31"/>
        <v>0</v>
      </c>
    </row>
    <row r="602" spans="1:6" s="1" customFormat="1" x14ac:dyDescent="0.25">
      <c r="A602" s="24" t="s">
        <v>1202</v>
      </c>
      <c r="B602" s="61" t="s">
        <v>60</v>
      </c>
      <c r="C602" s="38" t="s">
        <v>17</v>
      </c>
      <c r="D602" s="27"/>
      <c r="E602" s="44">
        <v>0.28000000000000003</v>
      </c>
      <c r="F602" s="29">
        <f t="shared" ref="F602:F625" si="32">SUM(D602*E602)</f>
        <v>0</v>
      </c>
    </row>
    <row r="603" spans="1:6" x14ac:dyDescent="0.25">
      <c r="A603" s="24" t="s">
        <v>303</v>
      </c>
      <c r="B603" s="61" t="s">
        <v>60</v>
      </c>
      <c r="C603" s="38" t="s">
        <v>17</v>
      </c>
      <c r="D603" s="27"/>
      <c r="E603" s="44">
        <v>2.0899999999999998E-2</v>
      </c>
      <c r="F603" s="29">
        <f t="shared" si="32"/>
        <v>0</v>
      </c>
    </row>
    <row r="604" spans="1:6" s="1" customFormat="1" x14ac:dyDescent="0.25">
      <c r="A604" s="24" t="s">
        <v>1203</v>
      </c>
      <c r="B604" s="61" t="s">
        <v>60</v>
      </c>
      <c r="C604" s="38" t="s">
        <v>17</v>
      </c>
      <c r="D604" s="27"/>
      <c r="E604" s="44">
        <v>0.63</v>
      </c>
      <c r="F604" s="29">
        <f t="shared" si="32"/>
        <v>0</v>
      </c>
    </row>
    <row r="605" spans="1:6" x14ac:dyDescent="0.25">
      <c r="A605" s="24" t="s">
        <v>304</v>
      </c>
      <c r="B605" s="61" t="s">
        <v>60</v>
      </c>
      <c r="C605" s="38" t="s">
        <v>16</v>
      </c>
      <c r="D605" s="27"/>
      <c r="E605" s="44">
        <v>1.24</v>
      </c>
      <c r="F605" s="29">
        <f t="shared" si="32"/>
        <v>0</v>
      </c>
    </row>
    <row r="606" spans="1:6" x14ac:dyDescent="0.25">
      <c r="A606" s="57" t="s">
        <v>305</v>
      </c>
      <c r="B606" s="62" t="s">
        <v>60</v>
      </c>
      <c r="C606" s="39" t="s">
        <v>16</v>
      </c>
      <c r="D606" s="31"/>
      <c r="E606" s="45">
        <v>9.9899000000000004</v>
      </c>
      <c r="F606" s="32">
        <f t="shared" si="32"/>
        <v>0</v>
      </c>
    </row>
    <row r="607" spans="1:6" x14ac:dyDescent="0.25">
      <c r="A607" s="24" t="s">
        <v>306</v>
      </c>
      <c r="B607" s="61" t="s">
        <v>60</v>
      </c>
      <c r="C607" s="38" t="s">
        <v>17</v>
      </c>
      <c r="D607" s="27"/>
      <c r="E607" s="44">
        <v>1.3899999999999999E-2</v>
      </c>
      <c r="F607" s="29">
        <f t="shared" si="32"/>
        <v>0</v>
      </c>
    </row>
    <row r="608" spans="1:6" x14ac:dyDescent="0.25">
      <c r="A608" s="24" t="s">
        <v>319</v>
      </c>
      <c r="B608" s="61" t="s">
        <v>60</v>
      </c>
      <c r="C608" s="38" t="s">
        <v>17</v>
      </c>
      <c r="D608" s="27"/>
      <c r="E608" s="44">
        <v>6.6900000000000001E-2</v>
      </c>
      <c r="F608" s="29">
        <f t="shared" si="32"/>
        <v>0</v>
      </c>
    </row>
    <row r="609" spans="1:6" s="1" customFormat="1" x14ac:dyDescent="0.25">
      <c r="A609" s="24" t="s">
        <v>990</v>
      </c>
      <c r="B609" s="61" t="s">
        <v>60</v>
      </c>
      <c r="C609" s="38" t="s">
        <v>17</v>
      </c>
      <c r="D609" s="27"/>
      <c r="E609" s="44">
        <v>0.1449</v>
      </c>
      <c r="F609" s="29">
        <f t="shared" si="32"/>
        <v>0</v>
      </c>
    </row>
    <row r="610" spans="1:6" x14ac:dyDescent="0.25">
      <c r="A610" s="24" t="s">
        <v>1204</v>
      </c>
      <c r="B610" s="61" t="s">
        <v>60</v>
      </c>
      <c r="C610" s="38" t="s">
        <v>17</v>
      </c>
      <c r="D610" s="27"/>
      <c r="E610" s="44">
        <v>0.65</v>
      </c>
      <c r="F610" s="29">
        <f t="shared" si="32"/>
        <v>0</v>
      </c>
    </row>
    <row r="611" spans="1:6" x14ac:dyDescent="0.25">
      <c r="A611" s="24" t="s">
        <v>307</v>
      </c>
      <c r="B611" s="61" t="s">
        <v>60</v>
      </c>
      <c r="C611" s="38" t="s">
        <v>18</v>
      </c>
      <c r="D611" s="27"/>
      <c r="E611" s="44">
        <v>5.45</v>
      </c>
      <c r="F611" s="29">
        <f t="shared" si="32"/>
        <v>0</v>
      </c>
    </row>
    <row r="612" spans="1:6" x14ac:dyDescent="0.25">
      <c r="A612" s="57" t="s">
        <v>1433</v>
      </c>
      <c r="B612" s="62" t="s">
        <v>60</v>
      </c>
      <c r="C612" s="39" t="s">
        <v>16</v>
      </c>
      <c r="D612" s="31"/>
      <c r="E612" s="45">
        <v>0.67900000000000005</v>
      </c>
      <c r="F612" s="32">
        <f t="shared" si="32"/>
        <v>0</v>
      </c>
    </row>
    <row r="613" spans="1:6" x14ac:dyDescent="0.25">
      <c r="A613" s="24" t="s">
        <v>308</v>
      </c>
      <c r="B613" s="61" t="s">
        <v>60</v>
      </c>
      <c r="C613" s="38" t="s">
        <v>16</v>
      </c>
      <c r="D613" s="27"/>
      <c r="E613" s="44">
        <v>0.33189999999999997</v>
      </c>
      <c r="F613" s="29">
        <f t="shared" si="32"/>
        <v>0</v>
      </c>
    </row>
    <row r="614" spans="1:6" x14ac:dyDescent="0.25">
      <c r="A614" s="24" t="s">
        <v>309</v>
      </c>
      <c r="B614" s="61" t="s">
        <v>60</v>
      </c>
      <c r="C614" s="38" t="s">
        <v>17</v>
      </c>
      <c r="D614" s="27"/>
      <c r="E614" s="44">
        <v>0.25890000000000002</v>
      </c>
      <c r="F614" s="29">
        <f t="shared" si="32"/>
        <v>0</v>
      </c>
    </row>
    <row r="615" spans="1:6" x14ac:dyDescent="0.25">
      <c r="A615" s="24" t="s">
        <v>991</v>
      </c>
      <c r="B615" s="61" t="s">
        <v>60</v>
      </c>
      <c r="C615" s="38" t="s">
        <v>18</v>
      </c>
      <c r="D615" s="27"/>
      <c r="E615" s="44">
        <v>1.7777000000000001</v>
      </c>
      <c r="F615" s="29">
        <f t="shared" si="32"/>
        <v>0</v>
      </c>
    </row>
    <row r="616" spans="1:6" x14ac:dyDescent="0.25">
      <c r="A616" s="24" t="s">
        <v>310</v>
      </c>
      <c r="B616" s="61" t="s">
        <v>60</v>
      </c>
      <c r="C616" s="38" t="s">
        <v>42</v>
      </c>
      <c r="D616" s="27"/>
      <c r="E616" s="44">
        <v>0.59430000000000005</v>
      </c>
      <c r="F616" s="29">
        <f t="shared" si="32"/>
        <v>0</v>
      </c>
    </row>
    <row r="617" spans="1:6" x14ac:dyDescent="0.25">
      <c r="A617" s="24" t="s">
        <v>311</v>
      </c>
      <c r="B617" s="61" t="s">
        <v>60</v>
      </c>
      <c r="C617" s="38" t="s">
        <v>16</v>
      </c>
      <c r="D617" s="27"/>
      <c r="E617" s="44">
        <v>10.699</v>
      </c>
      <c r="F617" s="29">
        <f t="shared" si="32"/>
        <v>0</v>
      </c>
    </row>
    <row r="618" spans="1:6" x14ac:dyDescent="0.25">
      <c r="A618" s="24" t="s">
        <v>312</v>
      </c>
      <c r="B618" s="61" t="s">
        <v>60</v>
      </c>
      <c r="C618" s="38" t="s">
        <v>17</v>
      </c>
      <c r="D618" s="27"/>
      <c r="E618" s="44">
        <v>0.04</v>
      </c>
      <c r="F618" s="29">
        <f t="shared" si="32"/>
        <v>0</v>
      </c>
    </row>
    <row r="619" spans="1:6" x14ac:dyDescent="0.25">
      <c r="A619" s="24" t="s">
        <v>313</v>
      </c>
      <c r="B619" s="61" t="s">
        <v>60</v>
      </c>
      <c r="C619" s="38" t="s">
        <v>17</v>
      </c>
      <c r="D619" s="27"/>
      <c r="E619" s="44">
        <v>0.31900000000000001</v>
      </c>
      <c r="F619" s="29">
        <f t="shared" si="32"/>
        <v>0</v>
      </c>
    </row>
    <row r="620" spans="1:6" s="1" customFormat="1" x14ac:dyDescent="0.25">
      <c r="A620" s="24" t="s">
        <v>314</v>
      </c>
      <c r="B620" s="61" t="s">
        <v>60</v>
      </c>
      <c r="C620" s="38" t="s">
        <v>18</v>
      </c>
      <c r="D620" s="27"/>
      <c r="E620" s="44">
        <v>0.6</v>
      </c>
      <c r="F620" s="29">
        <f t="shared" si="32"/>
        <v>0</v>
      </c>
    </row>
    <row r="621" spans="1:6" x14ac:dyDescent="0.25">
      <c r="A621" s="24" t="s">
        <v>315</v>
      </c>
      <c r="B621" s="61" t="s">
        <v>60</v>
      </c>
      <c r="C621" s="38" t="s">
        <v>18</v>
      </c>
      <c r="D621" s="27"/>
      <c r="E621" s="44">
        <v>7.9999000000000002</v>
      </c>
      <c r="F621" s="29">
        <f t="shared" si="32"/>
        <v>0</v>
      </c>
    </row>
    <row r="622" spans="1:6" x14ac:dyDescent="0.25">
      <c r="A622" s="24" t="s">
        <v>1205</v>
      </c>
      <c r="B622" s="61" t="s">
        <v>60</v>
      </c>
      <c r="C622" s="38" t="s">
        <v>17</v>
      </c>
      <c r="D622" s="27"/>
      <c r="E622" s="44">
        <v>0.2099</v>
      </c>
      <c r="F622" s="29">
        <f t="shared" si="32"/>
        <v>0</v>
      </c>
    </row>
    <row r="623" spans="1:6" x14ac:dyDescent="0.25">
      <c r="A623" s="24" t="s">
        <v>316</v>
      </c>
      <c r="B623" s="61" t="s">
        <v>60</v>
      </c>
      <c r="C623" s="38" t="s">
        <v>18</v>
      </c>
      <c r="D623" s="27"/>
      <c r="E623" s="44">
        <v>7.5529999999999999</v>
      </c>
      <c r="F623" s="29">
        <f t="shared" si="32"/>
        <v>0</v>
      </c>
    </row>
    <row r="624" spans="1:6" x14ac:dyDescent="0.25">
      <c r="A624" s="24" t="s">
        <v>317</v>
      </c>
      <c r="B624" s="61" t="s">
        <v>60</v>
      </c>
      <c r="C624" s="38" t="s">
        <v>18</v>
      </c>
      <c r="D624" s="27"/>
      <c r="E624" s="44">
        <v>1.7190000000000001</v>
      </c>
      <c r="F624" s="29">
        <f t="shared" si="32"/>
        <v>0</v>
      </c>
    </row>
    <row r="625" spans="1:6" s="1" customFormat="1" x14ac:dyDescent="0.25">
      <c r="A625" s="24" t="s">
        <v>318</v>
      </c>
      <c r="B625" s="61" t="s">
        <v>60</v>
      </c>
      <c r="C625" s="38" t="s">
        <v>17</v>
      </c>
      <c r="D625" s="27"/>
      <c r="E625" s="44">
        <v>0.17</v>
      </c>
      <c r="F625" s="29">
        <f t="shared" si="32"/>
        <v>0</v>
      </c>
    </row>
    <row r="626" spans="1:6" x14ac:dyDescent="0.25">
      <c r="A626" s="36" t="s">
        <v>158</v>
      </c>
      <c r="B626" s="61"/>
      <c r="C626" s="38"/>
      <c r="D626" s="27"/>
      <c r="E626" s="44"/>
      <c r="F626" s="29">
        <f t="shared" si="31"/>
        <v>0</v>
      </c>
    </row>
    <row r="627" spans="1:6" x14ac:dyDescent="0.25">
      <c r="A627" s="58" t="s">
        <v>61</v>
      </c>
      <c r="B627" s="61"/>
      <c r="C627" s="38"/>
      <c r="D627" s="27"/>
      <c r="E627" s="44"/>
      <c r="F627" s="29">
        <f t="shared" si="31"/>
        <v>0</v>
      </c>
    </row>
    <row r="628" spans="1:6" x14ac:dyDescent="0.25">
      <c r="A628" s="24" t="s">
        <v>333</v>
      </c>
      <c r="B628" s="61" t="s">
        <v>62</v>
      </c>
      <c r="C628" s="38" t="s">
        <v>17</v>
      </c>
      <c r="D628" s="27"/>
      <c r="E628" s="44">
        <v>0.24560000000000001</v>
      </c>
      <c r="F628" s="29">
        <f t="shared" ref="F628:F634" si="33">SUM(D628*E628)</f>
        <v>0</v>
      </c>
    </row>
    <row r="629" spans="1:6" x14ac:dyDescent="0.25">
      <c r="A629" s="24" t="s">
        <v>334</v>
      </c>
      <c r="B629" s="61" t="s">
        <v>62</v>
      </c>
      <c r="C629" s="38" t="s">
        <v>17</v>
      </c>
      <c r="D629" s="27"/>
      <c r="E629" s="44">
        <v>0.8478</v>
      </c>
      <c r="F629" s="29">
        <f t="shared" si="33"/>
        <v>0</v>
      </c>
    </row>
    <row r="630" spans="1:6" x14ac:dyDescent="0.25">
      <c r="A630" s="24" t="s">
        <v>320</v>
      </c>
      <c r="B630" s="61" t="s">
        <v>62</v>
      </c>
      <c r="C630" s="38" t="s">
        <v>25</v>
      </c>
      <c r="D630" s="27"/>
      <c r="E630" s="44">
        <v>6.1199000000000003</v>
      </c>
      <c r="F630" s="29">
        <f t="shared" si="33"/>
        <v>0</v>
      </c>
    </row>
    <row r="631" spans="1:6" x14ac:dyDescent="0.25">
      <c r="A631" s="24" t="s">
        <v>552</v>
      </c>
      <c r="B631" s="61" t="s">
        <v>62</v>
      </c>
      <c r="C631" s="38" t="s">
        <v>18</v>
      </c>
      <c r="D631" s="27"/>
      <c r="E631" s="44">
        <v>3.54</v>
      </c>
      <c r="F631" s="29">
        <f t="shared" si="33"/>
        <v>0</v>
      </c>
    </row>
    <row r="632" spans="1:6" x14ac:dyDescent="0.25">
      <c r="A632" s="24" t="s">
        <v>321</v>
      </c>
      <c r="B632" s="61" t="s">
        <v>62</v>
      </c>
      <c r="C632" s="38" t="s">
        <v>5</v>
      </c>
      <c r="D632" s="27"/>
      <c r="E632" s="44">
        <v>55.993000000000002</v>
      </c>
      <c r="F632" s="29">
        <f t="shared" si="33"/>
        <v>0</v>
      </c>
    </row>
    <row r="633" spans="1:6" x14ac:dyDescent="0.25">
      <c r="A633" s="24" t="s">
        <v>322</v>
      </c>
      <c r="B633" s="61" t="s">
        <v>62</v>
      </c>
      <c r="C633" s="38" t="s">
        <v>25</v>
      </c>
      <c r="D633" s="27"/>
      <c r="E633" s="44">
        <v>26.739899999999999</v>
      </c>
      <c r="F633" s="29">
        <f t="shared" si="33"/>
        <v>0</v>
      </c>
    </row>
    <row r="634" spans="1:6" x14ac:dyDescent="0.25">
      <c r="A634" s="24" t="s">
        <v>323</v>
      </c>
      <c r="B634" s="61" t="s">
        <v>62</v>
      </c>
      <c r="C634" s="38" t="s">
        <v>25</v>
      </c>
      <c r="D634" s="27"/>
      <c r="E634" s="44">
        <v>44.27</v>
      </c>
      <c r="F634" s="29">
        <f t="shared" si="33"/>
        <v>0</v>
      </c>
    </row>
    <row r="635" spans="1:6" s="1" customFormat="1" x14ac:dyDescent="0.25">
      <c r="A635" s="24" t="s">
        <v>1206</v>
      </c>
      <c r="B635" s="61" t="s">
        <v>62</v>
      </c>
      <c r="C635" s="38" t="s">
        <v>5</v>
      </c>
      <c r="D635" s="27"/>
      <c r="E635" s="44">
        <v>0.74680000000000002</v>
      </c>
      <c r="F635" s="29"/>
    </row>
    <row r="636" spans="1:6" x14ac:dyDescent="0.25">
      <c r="A636" s="24" t="s">
        <v>324</v>
      </c>
      <c r="B636" s="61" t="s">
        <v>62</v>
      </c>
      <c r="C636" s="38" t="s">
        <v>5</v>
      </c>
      <c r="D636" s="27"/>
      <c r="E636" s="44">
        <v>1.2599</v>
      </c>
      <c r="F636" s="29">
        <f t="shared" ref="F636:F650" si="34">SUM(D636*E636)</f>
        <v>0</v>
      </c>
    </row>
    <row r="637" spans="1:6" x14ac:dyDescent="0.25">
      <c r="A637" s="24" t="s">
        <v>327</v>
      </c>
      <c r="B637" s="61" t="s">
        <v>62</v>
      </c>
      <c r="C637" s="38" t="s">
        <v>5</v>
      </c>
      <c r="D637" s="27"/>
      <c r="E637" s="44">
        <v>0.94989999999999997</v>
      </c>
      <c r="F637" s="29">
        <f t="shared" si="34"/>
        <v>0</v>
      </c>
    </row>
    <row r="638" spans="1:6" x14ac:dyDescent="0.25">
      <c r="A638" s="24" t="s">
        <v>326</v>
      </c>
      <c r="B638" s="61" t="s">
        <v>62</v>
      </c>
      <c r="C638" s="38" t="s">
        <v>5</v>
      </c>
      <c r="D638" s="27"/>
      <c r="E638" s="44">
        <v>0.7399</v>
      </c>
      <c r="F638" s="29">
        <f t="shared" si="34"/>
        <v>0</v>
      </c>
    </row>
    <row r="639" spans="1:6" x14ac:dyDescent="0.25">
      <c r="A639" s="24" t="s">
        <v>325</v>
      </c>
      <c r="B639" s="61" t="s">
        <v>62</v>
      </c>
      <c r="C639" s="38" t="s">
        <v>5</v>
      </c>
      <c r="D639" s="27"/>
      <c r="E639" s="44">
        <v>0.7399</v>
      </c>
      <c r="F639" s="29">
        <f t="shared" si="34"/>
        <v>0</v>
      </c>
    </row>
    <row r="640" spans="1:6" x14ac:dyDescent="0.25">
      <c r="A640" s="24" t="s">
        <v>1451</v>
      </c>
      <c r="B640" s="61" t="s">
        <v>62</v>
      </c>
      <c r="C640" s="38" t="s">
        <v>63</v>
      </c>
      <c r="D640" s="27"/>
      <c r="E640" s="44">
        <v>5.4489999999999998</v>
      </c>
      <c r="F640" s="29">
        <f t="shared" si="34"/>
        <v>0</v>
      </c>
    </row>
    <row r="641" spans="1:6" x14ac:dyDescent="0.25">
      <c r="A641" s="24" t="s">
        <v>1452</v>
      </c>
      <c r="B641" s="61" t="s">
        <v>62</v>
      </c>
      <c r="C641" s="38" t="s">
        <v>63</v>
      </c>
      <c r="D641" s="27"/>
      <c r="E641" s="44">
        <v>5.41</v>
      </c>
      <c r="F641" s="29">
        <f t="shared" si="34"/>
        <v>0</v>
      </c>
    </row>
    <row r="642" spans="1:6" x14ac:dyDescent="0.25">
      <c r="A642" s="24" t="s">
        <v>1453</v>
      </c>
      <c r="B642" s="61" t="s">
        <v>62</v>
      </c>
      <c r="C642" s="38" t="s">
        <v>63</v>
      </c>
      <c r="D642" s="27"/>
      <c r="E642" s="44">
        <v>5.9669999999999996</v>
      </c>
      <c r="F642" s="29">
        <f t="shared" si="34"/>
        <v>0</v>
      </c>
    </row>
    <row r="643" spans="1:6" x14ac:dyDescent="0.25">
      <c r="A643" s="24" t="s">
        <v>1454</v>
      </c>
      <c r="B643" s="61" t="s">
        <v>62</v>
      </c>
      <c r="C643" s="38" t="s">
        <v>63</v>
      </c>
      <c r="D643" s="27"/>
      <c r="E643" s="44">
        <v>2.5489999999999999</v>
      </c>
      <c r="F643" s="29">
        <f t="shared" si="34"/>
        <v>0</v>
      </c>
    </row>
    <row r="644" spans="1:6" x14ac:dyDescent="0.25">
      <c r="A644" s="24" t="s">
        <v>328</v>
      </c>
      <c r="B644" s="61" t="s">
        <v>62</v>
      </c>
      <c r="C644" s="38" t="s">
        <v>63</v>
      </c>
      <c r="D644" s="27"/>
      <c r="E644" s="44">
        <v>2.4489999999999998</v>
      </c>
      <c r="F644" s="29">
        <f t="shared" si="34"/>
        <v>0</v>
      </c>
    </row>
    <row r="645" spans="1:6" x14ac:dyDescent="0.25">
      <c r="A645" s="24" t="s">
        <v>329</v>
      </c>
      <c r="B645" s="61" t="s">
        <v>62</v>
      </c>
      <c r="C645" s="38" t="s">
        <v>63</v>
      </c>
      <c r="D645" s="27"/>
      <c r="E645" s="44">
        <v>2.399</v>
      </c>
      <c r="F645" s="29">
        <f t="shared" si="34"/>
        <v>0</v>
      </c>
    </row>
    <row r="646" spans="1:6" x14ac:dyDescent="0.25">
      <c r="A646" s="24" t="s">
        <v>330</v>
      </c>
      <c r="B646" s="61" t="s">
        <v>62</v>
      </c>
      <c r="C646" s="38" t="s">
        <v>63</v>
      </c>
      <c r="D646" s="27"/>
      <c r="E646" s="44">
        <v>2.879</v>
      </c>
      <c r="F646" s="29">
        <f t="shared" si="34"/>
        <v>0</v>
      </c>
    </row>
    <row r="647" spans="1:6" x14ac:dyDescent="0.25">
      <c r="A647" s="24" t="s">
        <v>331</v>
      </c>
      <c r="B647" s="61" t="s">
        <v>62</v>
      </c>
      <c r="C647" s="38" t="s">
        <v>63</v>
      </c>
      <c r="D647" s="27"/>
      <c r="E647" s="44">
        <v>19.989999999999998</v>
      </c>
      <c r="F647" s="29">
        <f t="shared" si="34"/>
        <v>0</v>
      </c>
    </row>
    <row r="648" spans="1:6" s="1" customFormat="1" x14ac:dyDescent="0.25">
      <c r="A648" s="24" t="s">
        <v>1207</v>
      </c>
      <c r="B648" s="61" t="s">
        <v>62</v>
      </c>
      <c r="C648" s="38" t="s">
        <v>63</v>
      </c>
      <c r="D648" s="27"/>
      <c r="E648" s="44">
        <v>10.599</v>
      </c>
      <c r="F648" s="29">
        <f t="shared" si="34"/>
        <v>0</v>
      </c>
    </row>
    <row r="649" spans="1:6" x14ac:dyDescent="0.25">
      <c r="A649" s="24" t="s">
        <v>332</v>
      </c>
      <c r="B649" s="61" t="s">
        <v>62</v>
      </c>
      <c r="C649" s="38" t="s">
        <v>63</v>
      </c>
      <c r="D649" s="27"/>
      <c r="E649" s="44">
        <v>14.99</v>
      </c>
      <c r="F649" s="29">
        <f t="shared" si="34"/>
        <v>0</v>
      </c>
    </row>
    <row r="650" spans="1:6" s="1" customFormat="1" x14ac:dyDescent="0.25">
      <c r="A650" s="24" t="s">
        <v>1208</v>
      </c>
      <c r="B650" s="61" t="s">
        <v>62</v>
      </c>
      <c r="C650" s="38" t="s">
        <v>63</v>
      </c>
      <c r="D650" s="27"/>
      <c r="E650" s="44">
        <v>23.15</v>
      </c>
      <c r="F650" s="29">
        <f t="shared" si="34"/>
        <v>0</v>
      </c>
    </row>
    <row r="651" spans="1:6" x14ac:dyDescent="0.25">
      <c r="A651" s="36" t="s">
        <v>158</v>
      </c>
      <c r="B651" s="61"/>
      <c r="C651" s="38"/>
      <c r="D651" s="27"/>
      <c r="E651" s="44"/>
      <c r="F651" s="29">
        <f t="shared" si="31"/>
        <v>0</v>
      </c>
    </row>
    <row r="652" spans="1:6" x14ac:dyDescent="0.25">
      <c r="A652" s="53" t="s">
        <v>64</v>
      </c>
      <c r="B652" s="61"/>
      <c r="C652" s="38"/>
      <c r="D652" s="27"/>
      <c r="E652" s="44"/>
      <c r="F652" s="29">
        <f t="shared" si="31"/>
        <v>0</v>
      </c>
    </row>
    <row r="653" spans="1:6" x14ac:dyDescent="0.25">
      <c r="A653" s="24" t="s">
        <v>336</v>
      </c>
      <c r="B653" s="61" t="s">
        <v>65</v>
      </c>
      <c r="C653" s="38" t="s">
        <v>5</v>
      </c>
      <c r="D653" s="27"/>
      <c r="E653" s="44">
        <v>0.4</v>
      </c>
      <c r="F653" s="29">
        <f>SUM(D653*E653)</f>
        <v>0</v>
      </c>
    </row>
    <row r="654" spans="1:6" x14ac:dyDescent="0.25">
      <c r="A654" s="36" t="s">
        <v>337</v>
      </c>
      <c r="B654" s="61" t="s">
        <v>65</v>
      </c>
      <c r="C654" s="38" t="s">
        <v>5</v>
      </c>
      <c r="D654" s="27"/>
      <c r="E654" s="44">
        <v>0.55000000000000004</v>
      </c>
      <c r="F654" s="29">
        <f>SUM(D654*E654)</f>
        <v>0</v>
      </c>
    </row>
    <row r="655" spans="1:6" x14ac:dyDescent="0.25">
      <c r="A655" s="36" t="s">
        <v>335</v>
      </c>
      <c r="B655" s="61" t="s">
        <v>65</v>
      </c>
      <c r="C655" s="38" t="s">
        <v>5</v>
      </c>
      <c r="D655" s="27"/>
      <c r="E655" s="44">
        <v>0.22500000000000001</v>
      </c>
      <c r="F655" s="29">
        <f>SUM(D655*E655)</f>
        <v>0</v>
      </c>
    </row>
    <row r="656" spans="1:6" x14ac:dyDescent="0.25">
      <c r="A656" s="24" t="s">
        <v>338</v>
      </c>
      <c r="B656" s="61" t="s">
        <v>65</v>
      </c>
      <c r="C656" s="38" t="s">
        <v>5</v>
      </c>
      <c r="D656" s="27"/>
      <c r="E656" s="44">
        <v>0.27</v>
      </c>
      <c r="F656" s="29">
        <f>SUM(D656*E656)</f>
        <v>0</v>
      </c>
    </row>
    <row r="657" spans="1:6" x14ac:dyDescent="0.25">
      <c r="A657" s="36" t="s">
        <v>339</v>
      </c>
      <c r="B657" s="61" t="s">
        <v>65</v>
      </c>
      <c r="C657" s="38" t="s">
        <v>5</v>
      </c>
      <c r="D657" s="27"/>
      <c r="E657" s="44">
        <v>0.28999999999999998</v>
      </c>
      <c r="F657" s="29">
        <f>SUM(D657*E657)</f>
        <v>0</v>
      </c>
    </row>
    <row r="658" spans="1:6" x14ac:dyDescent="0.25">
      <c r="A658" s="36" t="s">
        <v>158</v>
      </c>
      <c r="B658" s="61"/>
      <c r="C658" s="38"/>
      <c r="D658" s="27"/>
      <c r="E658" s="44"/>
      <c r="F658" s="29">
        <f t="shared" si="31"/>
        <v>0</v>
      </c>
    </row>
    <row r="659" spans="1:6" x14ac:dyDescent="0.25">
      <c r="A659" s="53" t="s">
        <v>66</v>
      </c>
      <c r="B659" s="61"/>
      <c r="C659" s="38"/>
      <c r="D659" s="27"/>
      <c r="E659" s="44"/>
      <c r="F659" s="29">
        <f t="shared" si="31"/>
        <v>0</v>
      </c>
    </row>
    <row r="660" spans="1:6" x14ac:dyDescent="0.25">
      <c r="A660" s="24" t="s">
        <v>1310</v>
      </c>
      <c r="B660" s="61" t="s">
        <v>67</v>
      </c>
      <c r="C660" s="38" t="s">
        <v>17</v>
      </c>
      <c r="D660" s="27"/>
      <c r="E660" s="44">
        <v>1.73</v>
      </c>
      <c r="F660" s="29">
        <f t="shared" si="31"/>
        <v>0</v>
      </c>
    </row>
    <row r="661" spans="1:6" x14ac:dyDescent="0.25">
      <c r="A661" s="36" t="s">
        <v>158</v>
      </c>
      <c r="B661" s="61"/>
      <c r="C661" s="38"/>
      <c r="D661" s="27"/>
      <c r="E661" s="44"/>
      <c r="F661" s="29">
        <f t="shared" ref="F661:F662" si="35">SUM(D661*E661)</f>
        <v>0</v>
      </c>
    </row>
    <row r="662" spans="1:6" x14ac:dyDescent="0.25">
      <c r="A662" s="53" t="s">
        <v>68</v>
      </c>
      <c r="B662" s="61"/>
      <c r="C662" s="38"/>
      <c r="D662" s="27"/>
      <c r="E662" s="44"/>
      <c r="F662" s="29">
        <f t="shared" si="35"/>
        <v>0</v>
      </c>
    </row>
    <row r="663" spans="1:6" x14ac:dyDescent="0.25">
      <c r="A663" s="24" t="s">
        <v>810</v>
      </c>
      <c r="B663" s="61" t="s">
        <v>69</v>
      </c>
      <c r="C663" s="38" t="s">
        <v>17</v>
      </c>
      <c r="D663" s="27"/>
      <c r="E663" s="44">
        <v>1.4994000000000001</v>
      </c>
      <c r="F663" s="29">
        <f t="shared" ref="F663:F693" si="36">SUM(D663*E663)</f>
        <v>0</v>
      </c>
    </row>
    <row r="664" spans="1:6" x14ac:dyDescent="0.25">
      <c r="A664" s="24" t="s">
        <v>811</v>
      </c>
      <c r="B664" s="61" t="s">
        <v>69</v>
      </c>
      <c r="C664" s="38" t="s">
        <v>17</v>
      </c>
      <c r="D664" s="27"/>
      <c r="E664" s="44">
        <v>0.9899</v>
      </c>
      <c r="F664" s="29">
        <f t="shared" si="36"/>
        <v>0</v>
      </c>
    </row>
    <row r="665" spans="1:6" x14ac:dyDescent="0.25">
      <c r="A665" s="36" t="s">
        <v>812</v>
      </c>
      <c r="B665" s="61" t="s">
        <v>69</v>
      </c>
      <c r="C665" s="38" t="s">
        <v>17</v>
      </c>
      <c r="D665" s="27"/>
      <c r="E665" s="44">
        <v>0.38590000000000002</v>
      </c>
      <c r="F665" s="29">
        <f t="shared" si="36"/>
        <v>0</v>
      </c>
    </row>
    <row r="666" spans="1:6" x14ac:dyDescent="0.25">
      <c r="A666" s="24" t="s">
        <v>813</v>
      </c>
      <c r="B666" s="61" t="s">
        <v>69</v>
      </c>
      <c r="C666" s="38" t="s">
        <v>20</v>
      </c>
      <c r="D666" s="27"/>
      <c r="E666" s="44">
        <v>7.34</v>
      </c>
      <c r="F666" s="29">
        <f t="shared" si="36"/>
        <v>0</v>
      </c>
    </row>
    <row r="667" spans="1:6" x14ac:dyDescent="0.25">
      <c r="A667" s="24" t="s">
        <v>340</v>
      </c>
      <c r="B667" s="61" t="s">
        <v>69</v>
      </c>
      <c r="C667" s="38" t="s">
        <v>18</v>
      </c>
      <c r="D667" s="27"/>
      <c r="E667" s="44">
        <v>5.4</v>
      </c>
      <c r="F667" s="29">
        <f t="shared" si="36"/>
        <v>0</v>
      </c>
    </row>
    <row r="668" spans="1:6" x14ac:dyDescent="0.25">
      <c r="A668" s="24" t="s">
        <v>814</v>
      </c>
      <c r="B668" s="61" t="s">
        <v>69</v>
      </c>
      <c r="C668" s="38" t="s">
        <v>18</v>
      </c>
      <c r="D668" s="27"/>
      <c r="E668" s="44">
        <v>6.7499000000000002</v>
      </c>
      <c r="F668" s="29">
        <f t="shared" si="36"/>
        <v>0</v>
      </c>
    </row>
    <row r="669" spans="1:6" x14ac:dyDescent="0.25">
      <c r="A669" s="24" t="s">
        <v>815</v>
      </c>
      <c r="B669" s="61" t="s">
        <v>69</v>
      </c>
      <c r="C669" s="38" t="s">
        <v>17</v>
      </c>
      <c r="D669" s="27"/>
      <c r="E669" s="44">
        <v>2.0998999999999999</v>
      </c>
      <c r="F669" s="29">
        <f t="shared" si="36"/>
        <v>0</v>
      </c>
    </row>
    <row r="670" spans="1:6" x14ac:dyDescent="0.25">
      <c r="A670" s="24" t="s">
        <v>816</v>
      </c>
      <c r="B670" s="61" t="s">
        <v>69</v>
      </c>
      <c r="C670" s="38" t="s">
        <v>17</v>
      </c>
      <c r="D670" s="27"/>
      <c r="E670" s="44">
        <v>1.7297</v>
      </c>
      <c r="F670" s="29">
        <f t="shared" si="36"/>
        <v>0</v>
      </c>
    </row>
    <row r="671" spans="1:6" x14ac:dyDescent="0.25">
      <c r="A671" s="24" t="s">
        <v>817</v>
      </c>
      <c r="B671" s="61" t="s">
        <v>69</v>
      </c>
      <c r="C671" s="38" t="s">
        <v>17</v>
      </c>
      <c r="D671" s="27"/>
      <c r="E671" s="44">
        <v>1.8998999999999999</v>
      </c>
      <c r="F671" s="29">
        <f t="shared" si="36"/>
        <v>0</v>
      </c>
    </row>
    <row r="672" spans="1:6" x14ac:dyDescent="0.25">
      <c r="A672" s="24" t="s">
        <v>911</v>
      </c>
      <c r="B672" s="61" t="s">
        <v>69</v>
      </c>
      <c r="C672" s="38" t="s">
        <v>17</v>
      </c>
      <c r="D672" s="27"/>
      <c r="E672" s="44">
        <v>9.4899999999999998E-2</v>
      </c>
      <c r="F672" s="29">
        <f t="shared" si="36"/>
        <v>0</v>
      </c>
    </row>
    <row r="673" spans="1:6" x14ac:dyDescent="0.25">
      <c r="A673" s="24" t="s">
        <v>912</v>
      </c>
      <c r="B673" s="61" t="s">
        <v>69</v>
      </c>
      <c r="C673" s="38" t="s">
        <v>17</v>
      </c>
      <c r="D673" s="27"/>
      <c r="E673" s="44">
        <v>9.3899999999999997E-2</v>
      </c>
      <c r="F673" s="29">
        <f t="shared" si="36"/>
        <v>0</v>
      </c>
    </row>
    <row r="674" spans="1:6" x14ac:dyDescent="0.25">
      <c r="A674" s="24" t="s">
        <v>913</v>
      </c>
      <c r="B674" s="61" t="s">
        <v>69</v>
      </c>
      <c r="C674" s="38" t="s">
        <v>17</v>
      </c>
      <c r="D674" s="27"/>
      <c r="E674" s="44">
        <v>8.7900000000000006E-2</v>
      </c>
      <c r="F674" s="29">
        <f t="shared" si="36"/>
        <v>0</v>
      </c>
    </row>
    <row r="675" spans="1:6" x14ac:dyDescent="0.25">
      <c r="A675" s="57" t="s">
        <v>1214</v>
      </c>
      <c r="B675" s="62" t="s">
        <v>69</v>
      </c>
      <c r="C675" s="39" t="s">
        <v>17</v>
      </c>
      <c r="D675" s="31"/>
      <c r="E675" s="45">
        <v>9</v>
      </c>
      <c r="F675" s="32">
        <f t="shared" si="36"/>
        <v>0</v>
      </c>
    </row>
    <row r="676" spans="1:6" x14ac:dyDescent="0.25">
      <c r="A676" s="24" t="s">
        <v>818</v>
      </c>
      <c r="B676" s="61" t="s">
        <v>69</v>
      </c>
      <c r="C676" s="38" t="s">
        <v>17</v>
      </c>
      <c r="D676" s="27"/>
      <c r="E676" s="44">
        <v>1.7899</v>
      </c>
      <c r="F676" s="29">
        <f t="shared" si="36"/>
        <v>0</v>
      </c>
    </row>
    <row r="677" spans="1:6" x14ac:dyDescent="0.25">
      <c r="A677" s="24" t="s">
        <v>341</v>
      </c>
      <c r="B677" s="61" t="s">
        <v>69</v>
      </c>
      <c r="C677" s="38" t="s">
        <v>18</v>
      </c>
      <c r="D677" s="27"/>
      <c r="E677" s="44">
        <v>6.0488999999999997</v>
      </c>
      <c r="F677" s="29">
        <f t="shared" si="36"/>
        <v>0</v>
      </c>
    </row>
    <row r="678" spans="1:6" x14ac:dyDescent="0.25">
      <c r="A678" s="24" t="s">
        <v>819</v>
      </c>
      <c r="B678" s="61" t="s">
        <v>69</v>
      </c>
      <c r="C678" s="38" t="s">
        <v>17</v>
      </c>
      <c r="D678" s="27"/>
      <c r="E678" s="44">
        <v>3.5899000000000001</v>
      </c>
      <c r="F678" s="29">
        <f t="shared" si="36"/>
        <v>0</v>
      </c>
    </row>
    <row r="679" spans="1:6" x14ac:dyDescent="0.25">
      <c r="A679" s="24" t="s">
        <v>821</v>
      </c>
      <c r="B679" s="61" t="s">
        <v>69</v>
      </c>
      <c r="C679" s="38" t="s">
        <v>17</v>
      </c>
      <c r="D679" s="27"/>
      <c r="E679" s="44">
        <v>2</v>
      </c>
      <c r="F679" s="29">
        <f t="shared" si="36"/>
        <v>0</v>
      </c>
    </row>
    <row r="680" spans="1:6" x14ac:dyDescent="0.25">
      <c r="A680" s="24" t="s">
        <v>822</v>
      </c>
      <c r="B680" s="61" t="s">
        <v>69</v>
      </c>
      <c r="C680" s="38" t="s">
        <v>17</v>
      </c>
      <c r="D680" s="27"/>
      <c r="E680" s="44">
        <v>1.6899</v>
      </c>
      <c r="F680" s="29">
        <f t="shared" si="36"/>
        <v>0</v>
      </c>
    </row>
    <row r="681" spans="1:6" x14ac:dyDescent="0.25">
      <c r="A681" s="24" t="s">
        <v>823</v>
      </c>
      <c r="B681" s="61" t="s">
        <v>69</v>
      </c>
      <c r="C681" s="38" t="s">
        <v>17</v>
      </c>
      <c r="D681" s="27"/>
      <c r="E681" s="44">
        <v>2.2698999999999998</v>
      </c>
      <c r="F681" s="29">
        <f t="shared" si="36"/>
        <v>0</v>
      </c>
    </row>
    <row r="682" spans="1:6" x14ac:dyDescent="0.25">
      <c r="A682" s="24" t="s">
        <v>824</v>
      </c>
      <c r="B682" s="61" t="s">
        <v>69</v>
      </c>
      <c r="C682" s="38" t="s">
        <v>17</v>
      </c>
      <c r="D682" s="27"/>
      <c r="E682" s="44">
        <v>3.0398999999999998</v>
      </c>
      <c r="F682" s="29">
        <f t="shared" si="36"/>
        <v>0</v>
      </c>
    </row>
    <row r="683" spans="1:6" x14ac:dyDescent="0.25">
      <c r="A683" s="24" t="s">
        <v>826</v>
      </c>
      <c r="B683" s="61" t="s">
        <v>69</v>
      </c>
      <c r="C683" s="38" t="s">
        <v>17</v>
      </c>
      <c r="D683" s="27"/>
      <c r="E683" s="44">
        <v>2.0099</v>
      </c>
      <c r="F683" s="29">
        <f t="shared" si="36"/>
        <v>0</v>
      </c>
    </row>
    <row r="684" spans="1:6" x14ac:dyDescent="0.25">
      <c r="A684" s="24" t="s">
        <v>825</v>
      </c>
      <c r="B684" s="61" t="s">
        <v>69</v>
      </c>
      <c r="C684" s="38" t="s">
        <v>17</v>
      </c>
      <c r="D684" s="27"/>
      <c r="E684" s="44">
        <v>1.8249</v>
      </c>
      <c r="F684" s="29">
        <f t="shared" si="36"/>
        <v>0</v>
      </c>
    </row>
    <row r="685" spans="1:6" x14ac:dyDescent="0.25">
      <c r="A685" s="24" t="s">
        <v>820</v>
      </c>
      <c r="B685" s="61" t="s">
        <v>69</v>
      </c>
      <c r="C685" s="38" t="s">
        <v>17</v>
      </c>
      <c r="D685" s="27"/>
      <c r="E685" s="44">
        <v>3.0398999999999998</v>
      </c>
      <c r="F685" s="29">
        <f t="shared" si="36"/>
        <v>0</v>
      </c>
    </row>
    <row r="686" spans="1:6" x14ac:dyDescent="0.25">
      <c r="A686" s="24" t="s">
        <v>827</v>
      </c>
      <c r="B686" s="61" t="s">
        <v>69</v>
      </c>
      <c r="C686" s="38" t="s">
        <v>17</v>
      </c>
      <c r="D686" s="27"/>
      <c r="E686" s="44">
        <v>1.8798999999999999</v>
      </c>
      <c r="F686" s="29">
        <f t="shared" si="36"/>
        <v>0</v>
      </c>
    </row>
    <row r="687" spans="1:6" x14ac:dyDescent="0.25">
      <c r="A687" s="24" t="s">
        <v>828</v>
      </c>
      <c r="B687" s="61" t="s">
        <v>69</v>
      </c>
      <c r="C687" s="38" t="s">
        <v>17</v>
      </c>
      <c r="D687" s="27"/>
      <c r="E687" s="44">
        <v>2.1999</v>
      </c>
      <c r="F687" s="29">
        <f t="shared" si="36"/>
        <v>0</v>
      </c>
    </row>
    <row r="688" spans="1:6" x14ac:dyDescent="0.25">
      <c r="A688" s="24" t="s">
        <v>829</v>
      </c>
      <c r="B688" s="61" t="s">
        <v>69</v>
      </c>
      <c r="C688" s="38" t="s">
        <v>17</v>
      </c>
      <c r="D688" s="27"/>
      <c r="E688" s="44">
        <v>0.22889999999999999</v>
      </c>
      <c r="F688" s="29">
        <f t="shared" si="36"/>
        <v>0</v>
      </c>
    </row>
    <row r="689" spans="1:6" x14ac:dyDescent="0.25">
      <c r="A689" s="24" t="s">
        <v>830</v>
      </c>
      <c r="B689" s="61" t="s">
        <v>69</v>
      </c>
      <c r="C689" s="38" t="s">
        <v>17</v>
      </c>
      <c r="D689" s="27"/>
      <c r="E689" s="44">
        <v>0.51990000000000003</v>
      </c>
      <c r="F689" s="29">
        <f t="shared" si="36"/>
        <v>0</v>
      </c>
    </row>
    <row r="690" spans="1:6" x14ac:dyDescent="0.25">
      <c r="A690" s="24" t="s">
        <v>831</v>
      </c>
      <c r="B690" s="61" t="s">
        <v>69</v>
      </c>
      <c r="C690" s="38" t="s">
        <v>17</v>
      </c>
      <c r="D690" s="27"/>
      <c r="E690" s="44">
        <v>0.19989999999999999</v>
      </c>
      <c r="F690" s="29">
        <f t="shared" si="36"/>
        <v>0</v>
      </c>
    </row>
    <row r="691" spans="1:6" x14ac:dyDescent="0.25">
      <c r="A691" s="24" t="s">
        <v>832</v>
      </c>
      <c r="B691" s="61" t="s">
        <v>69</v>
      </c>
      <c r="C691" s="38" t="s">
        <v>17</v>
      </c>
      <c r="D691" s="27"/>
      <c r="E691" s="44">
        <v>1.7668999999999999</v>
      </c>
      <c r="F691" s="29">
        <f t="shared" si="36"/>
        <v>0</v>
      </c>
    </row>
    <row r="692" spans="1:6" x14ac:dyDescent="0.25">
      <c r="A692" s="24" t="s">
        <v>833</v>
      </c>
      <c r="B692" s="61" t="s">
        <v>69</v>
      </c>
      <c r="C692" s="38" t="s">
        <v>18</v>
      </c>
      <c r="D692" s="27"/>
      <c r="E692" s="44">
        <v>46.849899999999998</v>
      </c>
      <c r="F692" s="29">
        <f t="shared" si="36"/>
        <v>0</v>
      </c>
    </row>
    <row r="693" spans="1:6" x14ac:dyDescent="0.25">
      <c r="A693" s="24" t="s">
        <v>834</v>
      </c>
      <c r="B693" s="61" t="s">
        <v>69</v>
      </c>
      <c r="C693" s="38" t="s">
        <v>17</v>
      </c>
      <c r="D693" s="27"/>
      <c r="E693" s="44">
        <v>0.99990000000000001</v>
      </c>
      <c r="F693" s="29">
        <f t="shared" si="36"/>
        <v>0</v>
      </c>
    </row>
    <row r="694" spans="1:6" x14ac:dyDescent="0.25">
      <c r="A694" s="24" t="s">
        <v>835</v>
      </c>
      <c r="B694" s="61" t="s">
        <v>69</v>
      </c>
      <c r="C694" s="38" t="s">
        <v>5</v>
      </c>
      <c r="D694" s="27"/>
      <c r="E694" s="44">
        <v>2.8349000000000002</v>
      </c>
      <c r="F694" s="29">
        <f t="shared" ref="F694:F723" si="37">SUM(D694*E694)</f>
        <v>0</v>
      </c>
    </row>
    <row r="695" spans="1:6" x14ac:dyDescent="0.25">
      <c r="A695" s="24" t="s">
        <v>836</v>
      </c>
      <c r="B695" s="61" t="s">
        <v>69</v>
      </c>
      <c r="C695" s="38" t="s">
        <v>17</v>
      </c>
      <c r="D695" s="27"/>
      <c r="E695" s="44">
        <v>0.21990000000000001</v>
      </c>
      <c r="F695" s="29">
        <f t="shared" si="37"/>
        <v>0</v>
      </c>
    </row>
    <row r="696" spans="1:6" x14ac:dyDescent="0.25">
      <c r="A696" s="24" t="s">
        <v>837</v>
      </c>
      <c r="B696" s="61" t="s">
        <v>69</v>
      </c>
      <c r="C696" s="38" t="s">
        <v>17</v>
      </c>
      <c r="D696" s="27"/>
      <c r="E696" s="44">
        <v>58.49</v>
      </c>
      <c r="F696" s="29">
        <f t="shared" si="37"/>
        <v>0</v>
      </c>
    </row>
    <row r="697" spans="1:6" x14ac:dyDescent="0.25">
      <c r="A697" s="24" t="s">
        <v>914</v>
      </c>
      <c r="B697" s="61" t="s">
        <v>69</v>
      </c>
      <c r="C697" s="38" t="s">
        <v>17</v>
      </c>
      <c r="D697" s="27"/>
      <c r="E697" s="44">
        <v>1.1598999999999999</v>
      </c>
      <c r="F697" s="29">
        <f t="shared" si="37"/>
        <v>0</v>
      </c>
    </row>
    <row r="698" spans="1:6" x14ac:dyDescent="0.25">
      <c r="A698" s="24" t="s">
        <v>839</v>
      </c>
      <c r="B698" s="61" t="s">
        <v>69</v>
      </c>
      <c r="C698" s="38" t="s">
        <v>18</v>
      </c>
      <c r="D698" s="27"/>
      <c r="E698" s="44">
        <v>3.9499</v>
      </c>
      <c r="F698" s="29">
        <f t="shared" si="37"/>
        <v>0</v>
      </c>
    </row>
    <row r="699" spans="1:6" x14ac:dyDescent="0.25">
      <c r="A699" s="24" t="s">
        <v>838</v>
      </c>
      <c r="B699" s="61" t="s">
        <v>69</v>
      </c>
      <c r="C699" s="38" t="s">
        <v>18</v>
      </c>
      <c r="D699" s="27"/>
      <c r="E699" s="44">
        <v>22</v>
      </c>
      <c r="F699" s="29">
        <f t="shared" si="37"/>
        <v>0</v>
      </c>
    </row>
    <row r="700" spans="1:6" x14ac:dyDescent="0.25">
      <c r="A700" s="24" t="s">
        <v>915</v>
      </c>
      <c r="B700" s="61" t="s">
        <v>69</v>
      </c>
      <c r="C700" s="38" t="s">
        <v>17</v>
      </c>
      <c r="D700" s="27"/>
      <c r="E700" s="44">
        <v>0.35089999999999999</v>
      </c>
      <c r="F700" s="29">
        <f t="shared" si="37"/>
        <v>0</v>
      </c>
    </row>
    <row r="701" spans="1:6" x14ac:dyDescent="0.25">
      <c r="A701" s="24" t="s">
        <v>840</v>
      </c>
      <c r="B701" s="61" t="s">
        <v>69</v>
      </c>
      <c r="C701" s="38" t="s">
        <v>17</v>
      </c>
      <c r="D701" s="27"/>
      <c r="E701" s="44">
        <v>1.6999</v>
      </c>
      <c r="F701" s="29">
        <f t="shared" si="37"/>
        <v>0</v>
      </c>
    </row>
    <row r="702" spans="1:6" x14ac:dyDescent="0.25">
      <c r="A702" s="24" t="s">
        <v>841</v>
      </c>
      <c r="B702" s="61" t="s">
        <v>69</v>
      </c>
      <c r="C702" s="38" t="s">
        <v>17</v>
      </c>
      <c r="D702" s="27"/>
      <c r="E702" s="44">
        <v>0.94789999999999996</v>
      </c>
      <c r="F702" s="29">
        <f t="shared" si="37"/>
        <v>0</v>
      </c>
    </row>
    <row r="703" spans="1:6" x14ac:dyDescent="0.25">
      <c r="A703" s="24" t="s">
        <v>842</v>
      </c>
      <c r="B703" s="61" t="s">
        <v>69</v>
      </c>
      <c r="C703" s="38" t="s">
        <v>17</v>
      </c>
      <c r="D703" s="27"/>
      <c r="E703" s="44">
        <v>0.7399</v>
      </c>
      <c r="F703" s="29">
        <f t="shared" si="37"/>
        <v>0</v>
      </c>
    </row>
    <row r="704" spans="1:6" x14ac:dyDescent="0.25">
      <c r="A704" s="24" t="s">
        <v>843</v>
      </c>
      <c r="B704" s="61" t="s">
        <v>69</v>
      </c>
      <c r="C704" s="38" t="s">
        <v>17</v>
      </c>
      <c r="D704" s="27"/>
      <c r="E704" s="44">
        <v>0.71989999999999998</v>
      </c>
      <c r="F704" s="29">
        <f t="shared" si="37"/>
        <v>0</v>
      </c>
    </row>
    <row r="705" spans="1:6" x14ac:dyDescent="0.25">
      <c r="A705" s="24" t="s">
        <v>845</v>
      </c>
      <c r="B705" s="61" t="s">
        <v>69</v>
      </c>
      <c r="C705" s="38" t="s">
        <v>18</v>
      </c>
      <c r="D705" s="27"/>
      <c r="E705" s="44">
        <v>18.899899999999999</v>
      </c>
      <c r="F705" s="29">
        <f t="shared" si="37"/>
        <v>0</v>
      </c>
    </row>
    <row r="706" spans="1:6" x14ac:dyDescent="0.25">
      <c r="A706" s="24" t="s">
        <v>844</v>
      </c>
      <c r="B706" s="61" t="s">
        <v>69</v>
      </c>
      <c r="C706" s="38" t="s">
        <v>17</v>
      </c>
      <c r="D706" s="27"/>
      <c r="E706" s="44">
        <v>4.0609000000000002</v>
      </c>
      <c r="F706" s="29">
        <f t="shared" si="37"/>
        <v>0</v>
      </c>
    </row>
    <row r="707" spans="1:6" x14ac:dyDescent="0.25">
      <c r="A707" s="24" t="s">
        <v>846</v>
      </c>
      <c r="B707" s="61" t="s">
        <v>69</v>
      </c>
      <c r="C707" s="38" t="s">
        <v>17</v>
      </c>
      <c r="D707" s="27"/>
      <c r="E707" s="44">
        <v>1.4599</v>
      </c>
      <c r="F707" s="29">
        <f t="shared" si="37"/>
        <v>0</v>
      </c>
    </row>
    <row r="708" spans="1:6" x14ac:dyDescent="0.25">
      <c r="A708" s="24" t="s">
        <v>847</v>
      </c>
      <c r="B708" s="61" t="s">
        <v>69</v>
      </c>
      <c r="C708" s="38" t="s">
        <v>16</v>
      </c>
      <c r="D708" s="27"/>
      <c r="E708" s="44">
        <v>6.1699000000000002</v>
      </c>
      <c r="F708" s="29">
        <f t="shared" si="37"/>
        <v>0</v>
      </c>
    </row>
    <row r="709" spans="1:6" x14ac:dyDescent="0.25">
      <c r="A709" s="24" t="s">
        <v>916</v>
      </c>
      <c r="B709" s="61" t="s">
        <v>69</v>
      </c>
      <c r="C709" s="38" t="s">
        <v>17</v>
      </c>
      <c r="D709" s="27"/>
      <c r="E709" s="44">
        <v>1.6798999999999999</v>
      </c>
      <c r="F709" s="29">
        <f t="shared" si="37"/>
        <v>0</v>
      </c>
    </row>
    <row r="710" spans="1:6" x14ac:dyDescent="0.25">
      <c r="A710" s="24" t="s">
        <v>848</v>
      </c>
      <c r="B710" s="61" t="s">
        <v>69</v>
      </c>
      <c r="C710" s="38" t="s">
        <v>18</v>
      </c>
      <c r="D710" s="27"/>
      <c r="E710" s="44">
        <v>104</v>
      </c>
      <c r="F710" s="29">
        <f t="shared" si="37"/>
        <v>0</v>
      </c>
    </row>
    <row r="711" spans="1:6" x14ac:dyDescent="0.25">
      <c r="A711" s="24" t="s">
        <v>849</v>
      </c>
      <c r="B711" s="61" t="s">
        <v>69</v>
      </c>
      <c r="C711" s="38" t="s">
        <v>17</v>
      </c>
      <c r="D711" s="27"/>
      <c r="E711" s="44">
        <v>0.98</v>
      </c>
      <c r="F711" s="29">
        <f t="shared" si="37"/>
        <v>0</v>
      </c>
    </row>
    <row r="712" spans="1:6" x14ac:dyDescent="0.25">
      <c r="A712" s="24" t="s">
        <v>910</v>
      </c>
      <c r="B712" s="61" t="s">
        <v>69</v>
      </c>
      <c r="C712" s="38" t="s">
        <v>17</v>
      </c>
      <c r="D712" s="27"/>
      <c r="E712" s="44">
        <v>4.4000000000000004</v>
      </c>
      <c r="F712" s="29">
        <f t="shared" si="37"/>
        <v>0</v>
      </c>
    </row>
    <row r="713" spans="1:6" x14ac:dyDescent="0.25">
      <c r="A713" s="24" t="s">
        <v>1435</v>
      </c>
      <c r="B713" s="61" t="s">
        <v>69</v>
      </c>
      <c r="C713" s="38" t="s">
        <v>18</v>
      </c>
      <c r="D713" s="27"/>
      <c r="E713" s="44">
        <v>52</v>
      </c>
      <c r="F713" s="29">
        <f t="shared" si="37"/>
        <v>0</v>
      </c>
    </row>
    <row r="714" spans="1:6" x14ac:dyDescent="0.25">
      <c r="A714" s="24" t="s">
        <v>850</v>
      </c>
      <c r="B714" s="61" t="s">
        <v>69</v>
      </c>
      <c r="C714" s="38" t="s">
        <v>17</v>
      </c>
      <c r="D714" s="27"/>
      <c r="E714" s="44">
        <v>3.4298999999999999</v>
      </c>
      <c r="F714" s="29">
        <f t="shared" si="37"/>
        <v>0</v>
      </c>
    </row>
    <row r="715" spans="1:6" x14ac:dyDescent="0.25">
      <c r="A715" s="24" t="s">
        <v>917</v>
      </c>
      <c r="B715" s="61" t="s">
        <v>69</v>
      </c>
      <c r="C715" s="38" t="s">
        <v>17</v>
      </c>
      <c r="D715" s="27"/>
      <c r="E715" s="44">
        <v>0.95989999999999998</v>
      </c>
      <c r="F715" s="29">
        <f t="shared" si="37"/>
        <v>0</v>
      </c>
    </row>
    <row r="716" spans="1:6" x14ac:dyDescent="0.25">
      <c r="A716" s="24" t="s">
        <v>918</v>
      </c>
      <c r="B716" s="61" t="s">
        <v>69</v>
      </c>
      <c r="C716" s="38" t="s">
        <v>17</v>
      </c>
      <c r="D716" s="27"/>
      <c r="E716" s="44">
        <v>0.66890000000000005</v>
      </c>
      <c r="F716" s="29">
        <f t="shared" si="37"/>
        <v>0</v>
      </c>
    </row>
    <row r="717" spans="1:6" x14ac:dyDescent="0.25">
      <c r="A717" s="24" t="s">
        <v>919</v>
      </c>
      <c r="B717" s="61" t="s">
        <v>69</v>
      </c>
      <c r="C717" s="38" t="s">
        <v>16</v>
      </c>
      <c r="D717" s="27"/>
      <c r="E717" s="44">
        <v>59.999899999999997</v>
      </c>
      <c r="F717" s="29">
        <f t="shared" si="37"/>
        <v>0</v>
      </c>
    </row>
    <row r="718" spans="1:6" x14ac:dyDescent="0.25">
      <c r="A718" s="24" t="s">
        <v>920</v>
      </c>
      <c r="B718" s="61" t="s">
        <v>69</v>
      </c>
      <c r="C718" s="38" t="s">
        <v>17</v>
      </c>
      <c r="D718" s="27"/>
      <c r="E718" s="44">
        <v>0.99990000000000001</v>
      </c>
      <c r="F718" s="29">
        <f t="shared" si="37"/>
        <v>0</v>
      </c>
    </row>
    <row r="719" spans="1:6" x14ac:dyDescent="0.25">
      <c r="A719" s="24" t="s">
        <v>921</v>
      </c>
      <c r="B719" s="61" t="s">
        <v>69</v>
      </c>
      <c r="C719" s="38" t="s">
        <v>17</v>
      </c>
      <c r="D719" s="27"/>
      <c r="E719" s="44">
        <v>0.71740000000000004</v>
      </c>
      <c r="F719" s="29">
        <f t="shared" si="37"/>
        <v>0</v>
      </c>
    </row>
    <row r="720" spans="1:6" x14ac:dyDescent="0.25">
      <c r="A720" s="24" t="s">
        <v>922</v>
      </c>
      <c r="B720" s="61" t="s">
        <v>69</v>
      </c>
      <c r="C720" s="38" t="s">
        <v>17</v>
      </c>
      <c r="D720" s="27"/>
      <c r="E720" s="44">
        <v>0.99990000000000001</v>
      </c>
      <c r="F720" s="29">
        <f t="shared" si="37"/>
        <v>0</v>
      </c>
    </row>
    <row r="721" spans="1:6" x14ac:dyDescent="0.25">
      <c r="A721" s="24" t="s">
        <v>923</v>
      </c>
      <c r="B721" s="61" t="s">
        <v>69</v>
      </c>
      <c r="C721" s="38" t="s">
        <v>18</v>
      </c>
      <c r="D721" s="27"/>
      <c r="E721" s="44">
        <v>7.0198999999999998</v>
      </c>
      <c r="F721" s="29">
        <f t="shared" si="37"/>
        <v>0</v>
      </c>
    </row>
    <row r="722" spans="1:6" x14ac:dyDescent="0.25">
      <c r="A722" s="24" t="s">
        <v>851</v>
      </c>
      <c r="B722" s="61" t="s">
        <v>69</v>
      </c>
      <c r="C722" s="38" t="s">
        <v>17</v>
      </c>
      <c r="D722" s="27"/>
      <c r="E722" s="44">
        <v>0.63990000000000002</v>
      </c>
      <c r="F722" s="29">
        <f t="shared" si="37"/>
        <v>0</v>
      </c>
    </row>
    <row r="723" spans="1:6" x14ac:dyDescent="0.25">
      <c r="A723" s="24" t="s">
        <v>852</v>
      </c>
      <c r="B723" s="61" t="s">
        <v>69</v>
      </c>
      <c r="C723" s="38" t="s">
        <v>18</v>
      </c>
      <c r="D723" s="27"/>
      <c r="E723" s="44">
        <v>12.69</v>
      </c>
      <c r="F723" s="29">
        <f t="shared" si="37"/>
        <v>0</v>
      </c>
    </row>
    <row r="724" spans="1:6" x14ac:dyDescent="0.25">
      <c r="A724" s="24" t="s">
        <v>853</v>
      </c>
      <c r="B724" s="61" t="s">
        <v>69</v>
      </c>
      <c r="C724" s="38" t="s">
        <v>18</v>
      </c>
      <c r="D724" s="27"/>
      <c r="E724" s="44">
        <v>9.6499000000000006</v>
      </c>
      <c r="F724" s="29">
        <f t="shared" ref="F724:F755" si="38">SUM(D724*E724)</f>
        <v>0</v>
      </c>
    </row>
    <row r="725" spans="1:6" x14ac:dyDescent="0.25">
      <c r="A725" s="24" t="s">
        <v>854</v>
      </c>
      <c r="B725" s="61" t="s">
        <v>69</v>
      </c>
      <c r="C725" s="38" t="s">
        <v>17</v>
      </c>
      <c r="D725" s="27"/>
      <c r="E725" s="44">
        <v>0.49990000000000001</v>
      </c>
      <c r="F725" s="29">
        <f t="shared" si="38"/>
        <v>0</v>
      </c>
    </row>
    <row r="726" spans="1:6" x14ac:dyDescent="0.25">
      <c r="A726" s="24" t="s">
        <v>924</v>
      </c>
      <c r="B726" s="61" t="s">
        <v>69</v>
      </c>
      <c r="C726" s="38" t="s">
        <v>17</v>
      </c>
      <c r="D726" s="27"/>
      <c r="E726" s="44">
        <v>3.5253999999999999</v>
      </c>
      <c r="F726" s="29">
        <f t="shared" si="38"/>
        <v>0</v>
      </c>
    </row>
    <row r="727" spans="1:6" x14ac:dyDescent="0.25">
      <c r="A727" s="24" t="s">
        <v>856</v>
      </c>
      <c r="B727" s="61" t="s">
        <v>69</v>
      </c>
      <c r="C727" s="38" t="s">
        <v>16</v>
      </c>
      <c r="D727" s="27"/>
      <c r="E727" s="44">
        <v>6.8998999999999997</v>
      </c>
      <c r="F727" s="29">
        <f t="shared" si="38"/>
        <v>0</v>
      </c>
    </row>
    <row r="728" spans="1:6" x14ac:dyDescent="0.25">
      <c r="A728" s="24" t="s">
        <v>857</v>
      </c>
      <c r="B728" s="61" t="s">
        <v>69</v>
      </c>
      <c r="C728" s="38" t="s">
        <v>18</v>
      </c>
      <c r="D728" s="27"/>
      <c r="E728" s="44">
        <v>9.2998999999999992</v>
      </c>
      <c r="F728" s="29">
        <f t="shared" si="38"/>
        <v>0</v>
      </c>
    </row>
    <row r="729" spans="1:6" x14ac:dyDescent="0.25">
      <c r="A729" s="24" t="s">
        <v>855</v>
      </c>
      <c r="B729" s="61" t="s">
        <v>69</v>
      </c>
      <c r="C729" s="38" t="s">
        <v>17</v>
      </c>
      <c r="D729" s="27"/>
      <c r="E729" s="44">
        <v>0.39989999999999998</v>
      </c>
      <c r="F729" s="29">
        <f t="shared" si="38"/>
        <v>0</v>
      </c>
    </row>
    <row r="730" spans="1:6" x14ac:dyDescent="0.25">
      <c r="A730" s="24" t="s">
        <v>858</v>
      </c>
      <c r="B730" s="61" t="s">
        <v>69</v>
      </c>
      <c r="C730" s="38" t="s">
        <v>17</v>
      </c>
      <c r="D730" s="27"/>
      <c r="E730" s="44">
        <v>0.19969999999999999</v>
      </c>
      <c r="F730" s="29">
        <f t="shared" si="38"/>
        <v>0</v>
      </c>
    </row>
    <row r="731" spans="1:6" x14ac:dyDescent="0.25">
      <c r="A731" s="24" t="s">
        <v>859</v>
      </c>
      <c r="B731" s="61" t="s">
        <v>69</v>
      </c>
      <c r="C731" s="38" t="s">
        <v>17</v>
      </c>
      <c r="D731" s="27"/>
      <c r="E731" s="44">
        <v>3.9799000000000002</v>
      </c>
      <c r="F731" s="29">
        <f t="shared" si="38"/>
        <v>0</v>
      </c>
    </row>
    <row r="732" spans="1:6" x14ac:dyDescent="0.25">
      <c r="A732" s="24" t="s">
        <v>860</v>
      </c>
      <c r="B732" s="61" t="s">
        <v>69</v>
      </c>
      <c r="C732" s="38" t="s">
        <v>17</v>
      </c>
      <c r="D732" s="27"/>
      <c r="E732" s="44">
        <v>1.9499</v>
      </c>
      <c r="F732" s="29">
        <f t="shared" si="38"/>
        <v>0</v>
      </c>
    </row>
    <row r="733" spans="1:6" x14ac:dyDescent="0.25">
      <c r="A733" s="24" t="s">
        <v>861</v>
      </c>
      <c r="B733" s="61" t="s">
        <v>69</v>
      </c>
      <c r="C733" s="38" t="s">
        <v>17</v>
      </c>
      <c r="D733" s="27"/>
      <c r="E733" s="44">
        <v>0.1419</v>
      </c>
      <c r="F733" s="29">
        <f t="shared" si="38"/>
        <v>0</v>
      </c>
    </row>
    <row r="734" spans="1:6" x14ac:dyDescent="0.25">
      <c r="A734" s="24" t="s">
        <v>862</v>
      </c>
      <c r="B734" s="61" t="s">
        <v>69</v>
      </c>
      <c r="C734" s="38" t="s">
        <v>17</v>
      </c>
      <c r="D734" s="27"/>
      <c r="E734" s="44">
        <v>1.3978999999999999</v>
      </c>
      <c r="F734" s="29">
        <f t="shared" si="38"/>
        <v>0</v>
      </c>
    </row>
    <row r="735" spans="1:6" x14ac:dyDescent="0.25">
      <c r="A735" s="24" t="s">
        <v>925</v>
      </c>
      <c r="B735" s="61" t="s">
        <v>69</v>
      </c>
      <c r="C735" s="38" t="s">
        <v>17</v>
      </c>
      <c r="D735" s="27"/>
      <c r="E735" s="44">
        <v>0.3695</v>
      </c>
      <c r="F735" s="29">
        <f t="shared" si="38"/>
        <v>0</v>
      </c>
    </row>
    <row r="736" spans="1:6" x14ac:dyDescent="0.25">
      <c r="A736" s="24" t="s">
        <v>353</v>
      </c>
      <c r="B736" s="61" t="s">
        <v>69</v>
      </c>
      <c r="C736" s="38" t="s">
        <v>17</v>
      </c>
      <c r="D736" s="27"/>
      <c r="E736" s="44">
        <v>2.3698999999999999</v>
      </c>
      <c r="F736" s="29">
        <f t="shared" si="38"/>
        <v>0</v>
      </c>
    </row>
    <row r="737" spans="1:6" x14ac:dyDescent="0.25">
      <c r="A737" s="24" t="s">
        <v>863</v>
      </c>
      <c r="B737" s="61" t="s">
        <v>69</v>
      </c>
      <c r="C737" s="38" t="s">
        <v>42</v>
      </c>
      <c r="D737" s="27"/>
      <c r="E737" s="44">
        <v>12.4999</v>
      </c>
      <c r="F737" s="29">
        <f t="shared" si="38"/>
        <v>0</v>
      </c>
    </row>
    <row r="738" spans="1:6" x14ac:dyDescent="0.25">
      <c r="A738" s="24" t="s">
        <v>926</v>
      </c>
      <c r="B738" s="61" t="s">
        <v>69</v>
      </c>
      <c r="C738" s="38" t="s">
        <v>17</v>
      </c>
      <c r="D738" s="27"/>
      <c r="E738" s="44">
        <v>1.3499000000000001</v>
      </c>
      <c r="F738" s="29">
        <f t="shared" si="38"/>
        <v>0</v>
      </c>
    </row>
    <row r="739" spans="1:6" x14ac:dyDescent="0.25">
      <c r="A739" s="24" t="s">
        <v>864</v>
      </c>
      <c r="B739" s="61" t="s">
        <v>69</v>
      </c>
      <c r="C739" s="38" t="s">
        <v>18</v>
      </c>
      <c r="D739" s="27"/>
      <c r="E739" s="44">
        <v>13.19</v>
      </c>
      <c r="F739" s="29">
        <f t="shared" si="38"/>
        <v>0</v>
      </c>
    </row>
    <row r="740" spans="1:6" x14ac:dyDescent="0.25">
      <c r="A740" s="24" t="s">
        <v>865</v>
      </c>
      <c r="B740" s="61" t="s">
        <v>69</v>
      </c>
      <c r="C740" s="38" t="s">
        <v>17</v>
      </c>
      <c r="D740" s="27"/>
      <c r="E740" s="44">
        <v>4.0998999999999999</v>
      </c>
      <c r="F740" s="29">
        <f t="shared" si="38"/>
        <v>0</v>
      </c>
    </row>
    <row r="741" spans="1:6" x14ac:dyDescent="0.25">
      <c r="A741" s="24" t="s">
        <v>866</v>
      </c>
      <c r="B741" s="61" t="s">
        <v>69</v>
      </c>
      <c r="C741" s="38" t="s">
        <v>17</v>
      </c>
      <c r="D741" s="27"/>
      <c r="E741" s="44">
        <v>0.81989999999999996</v>
      </c>
      <c r="F741" s="29">
        <f t="shared" si="38"/>
        <v>0</v>
      </c>
    </row>
    <row r="742" spans="1:6" x14ac:dyDescent="0.25">
      <c r="A742" s="24" t="s">
        <v>342</v>
      </c>
      <c r="B742" s="61" t="s">
        <v>69</v>
      </c>
      <c r="C742" s="38" t="s">
        <v>5</v>
      </c>
      <c r="D742" s="27"/>
      <c r="E742" s="44">
        <v>53.97</v>
      </c>
      <c r="F742" s="29">
        <f t="shared" si="38"/>
        <v>0</v>
      </c>
    </row>
    <row r="743" spans="1:6" x14ac:dyDescent="0.25">
      <c r="A743" s="24" t="s">
        <v>343</v>
      </c>
      <c r="B743" s="61" t="s">
        <v>69</v>
      </c>
      <c r="C743" s="38" t="s">
        <v>18</v>
      </c>
      <c r="D743" s="27"/>
      <c r="E743" s="44">
        <v>100</v>
      </c>
      <c r="F743" s="29">
        <f t="shared" si="38"/>
        <v>0</v>
      </c>
    </row>
    <row r="744" spans="1:6" x14ac:dyDescent="0.25">
      <c r="A744" s="24" t="s">
        <v>867</v>
      </c>
      <c r="B744" s="61" t="s">
        <v>69</v>
      </c>
      <c r="C744" s="38" t="s">
        <v>17</v>
      </c>
      <c r="D744" s="27"/>
      <c r="E744" s="44">
        <v>2.3170999999999999</v>
      </c>
      <c r="F744" s="29">
        <f t="shared" si="38"/>
        <v>0</v>
      </c>
    </row>
    <row r="745" spans="1:6" x14ac:dyDescent="0.25">
      <c r="A745" s="24" t="s">
        <v>868</v>
      </c>
      <c r="B745" s="61" t="s">
        <v>69</v>
      </c>
      <c r="C745" s="38" t="s">
        <v>17</v>
      </c>
      <c r="D745" s="27"/>
      <c r="E745" s="44">
        <v>3.4544999999999999</v>
      </c>
      <c r="F745" s="29">
        <f t="shared" si="38"/>
        <v>0</v>
      </c>
    </row>
    <row r="746" spans="1:6" x14ac:dyDescent="0.25">
      <c r="A746" s="24" t="s">
        <v>344</v>
      </c>
      <c r="B746" s="61" t="s">
        <v>69</v>
      </c>
      <c r="C746" s="38" t="s">
        <v>42</v>
      </c>
      <c r="D746" s="27"/>
      <c r="E746" s="44">
        <v>22.51</v>
      </c>
      <c r="F746" s="29">
        <f t="shared" si="38"/>
        <v>0</v>
      </c>
    </row>
    <row r="747" spans="1:6" x14ac:dyDescent="0.25">
      <c r="A747" s="24" t="s">
        <v>927</v>
      </c>
      <c r="B747" s="61" t="s">
        <v>69</v>
      </c>
      <c r="C747" s="38" t="s">
        <v>17</v>
      </c>
      <c r="D747" s="27"/>
      <c r="E747" s="44">
        <v>6.0499000000000001</v>
      </c>
      <c r="F747" s="29">
        <f t="shared" si="38"/>
        <v>0</v>
      </c>
    </row>
    <row r="748" spans="1:6" x14ac:dyDescent="0.25">
      <c r="A748" s="24" t="s">
        <v>869</v>
      </c>
      <c r="B748" s="61" t="s">
        <v>69</v>
      </c>
      <c r="C748" s="38" t="s">
        <v>17</v>
      </c>
      <c r="D748" s="27"/>
      <c r="E748" s="44">
        <v>1.8499000000000001</v>
      </c>
      <c r="F748" s="29">
        <f t="shared" si="38"/>
        <v>0</v>
      </c>
    </row>
    <row r="749" spans="1:6" x14ac:dyDescent="0.25">
      <c r="A749" s="24" t="s">
        <v>345</v>
      </c>
      <c r="B749" s="61" t="s">
        <v>69</v>
      </c>
      <c r="C749" s="38" t="s">
        <v>17</v>
      </c>
      <c r="D749" s="27"/>
      <c r="E749" s="44">
        <v>0.25990000000000002</v>
      </c>
      <c r="F749" s="29">
        <f t="shared" si="38"/>
        <v>0</v>
      </c>
    </row>
    <row r="750" spans="1:6" x14ac:dyDescent="0.25">
      <c r="A750" s="24" t="s">
        <v>870</v>
      </c>
      <c r="B750" s="61" t="s">
        <v>69</v>
      </c>
      <c r="C750" s="38" t="s">
        <v>17</v>
      </c>
      <c r="D750" s="27"/>
      <c r="E750" s="44">
        <v>0.37990000000000002</v>
      </c>
      <c r="F750" s="29">
        <f t="shared" si="38"/>
        <v>0</v>
      </c>
    </row>
    <row r="751" spans="1:6" x14ac:dyDescent="0.25">
      <c r="A751" s="24" t="s">
        <v>871</v>
      </c>
      <c r="B751" s="61" t="s">
        <v>69</v>
      </c>
      <c r="C751" s="38" t="s">
        <v>17</v>
      </c>
      <c r="D751" s="27"/>
      <c r="E751" s="44">
        <v>0.36980000000000002</v>
      </c>
      <c r="F751" s="29">
        <f t="shared" si="38"/>
        <v>0</v>
      </c>
    </row>
    <row r="752" spans="1:6" x14ac:dyDescent="0.25">
      <c r="A752" s="24" t="s">
        <v>872</v>
      </c>
      <c r="B752" s="61" t="s">
        <v>69</v>
      </c>
      <c r="C752" s="38" t="s">
        <v>17</v>
      </c>
      <c r="D752" s="27"/>
      <c r="E752" s="44">
        <v>1.2599</v>
      </c>
      <c r="F752" s="29">
        <f t="shared" si="38"/>
        <v>0</v>
      </c>
    </row>
    <row r="753" spans="1:6" x14ac:dyDescent="0.25">
      <c r="A753" s="24" t="s">
        <v>873</v>
      </c>
      <c r="B753" s="61" t="s">
        <v>69</v>
      </c>
      <c r="C753" s="38" t="s">
        <v>17</v>
      </c>
      <c r="D753" s="27"/>
      <c r="E753" s="44">
        <v>1.7839</v>
      </c>
      <c r="F753" s="29">
        <f t="shared" si="38"/>
        <v>0</v>
      </c>
    </row>
    <row r="754" spans="1:6" x14ac:dyDescent="0.25">
      <c r="A754" s="24" t="s">
        <v>346</v>
      </c>
      <c r="B754" s="61" t="s">
        <v>69</v>
      </c>
      <c r="C754" s="38" t="s">
        <v>18</v>
      </c>
      <c r="D754" s="27"/>
      <c r="E754" s="44">
        <v>26.4999</v>
      </c>
      <c r="F754" s="29">
        <f t="shared" si="38"/>
        <v>0</v>
      </c>
    </row>
    <row r="755" spans="1:6" x14ac:dyDescent="0.25">
      <c r="A755" s="24" t="s">
        <v>874</v>
      </c>
      <c r="B755" s="61" t="s">
        <v>69</v>
      </c>
      <c r="C755" s="38" t="s">
        <v>17</v>
      </c>
      <c r="D755" s="27"/>
      <c r="E755" s="44">
        <v>2.2498999999999998</v>
      </c>
      <c r="F755" s="29">
        <f t="shared" si="38"/>
        <v>0</v>
      </c>
    </row>
    <row r="756" spans="1:6" x14ac:dyDescent="0.25">
      <c r="A756" s="24" t="s">
        <v>928</v>
      </c>
      <c r="B756" s="61" t="s">
        <v>69</v>
      </c>
      <c r="C756" s="38" t="s">
        <v>17</v>
      </c>
      <c r="D756" s="27"/>
      <c r="E756" s="44">
        <v>0.99990000000000001</v>
      </c>
      <c r="F756" s="29">
        <f t="shared" ref="F756:F785" si="39">SUM(D756*E756)</f>
        <v>0</v>
      </c>
    </row>
    <row r="757" spans="1:6" x14ac:dyDescent="0.25">
      <c r="A757" s="24" t="s">
        <v>354</v>
      </c>
      <c r="B757" s="61" t="s">
        <v>69</v>
      </c>
      <c r="C757" s="38" t="s">
        <v>18</v>
      </c>
      <c r="D757" s="27"/>
      <c r="E757" s="44">
        <v>8.7866</v>
      </c>
      <c r="F757" s="29">
        <f t="shared" si="39"/>
        <v>0</v>
      </c>
    </row>
    <row r="758" spans="1:6" x14ac:dyDescent="0.25">
      <c r="A758" s="24" t="s">
        <v>347</v>
      </c>
      <c r="B758" s="61" t="s">
        <v>69</v>
      </c>
      <c r="C758" s="38" t="s">
        <v>18</v>
      </c>
      <c r="D758" s="27"/>
      <c r="E758" s="44">
        <v>55.79</v>
      </c>
      <c r="F758" s="29">
        <f t="shared" si="39"/>
        <v>0</v>
      </c>
    </row>
    <row r="759" spans="1:6" x14ac:dyDescent="0.25">
      <c r="A759" s="24" t="s">
        <v>875</v>
      </c>
      <c r="B759" s="61" t="s">
        <v>69</v>
      </c>
      <c r="C759" s="38" t="s">
        <v>17</v>
      </c>
      <c r="D759" s="27"/>
      <c r="E759" s="44">
        <v>1.0949</v>
      </c>
      <c r="F759" s="29">
        <f t="shared" si="39"/>
        <v>0</v>
      </c>
    </row>
    <row r="760" spans="1:6" x14ac:dyDescent="0.25">
      <c r="A760" s="24" t="s">
        <v>876</v>
      </c>
      <c r="B760" s="61" t="s">
        <v>69</v>
      </c>
      <c r="C760" s="38" t="s">
        <v>18</v>
      </c>
      <c r="D760" s="27"/>
      <c r="E760" s="44">
        <v>7.4898999999999996</v>
      </c>
      <c r="F760" s="29">
        <f t="shared" si="39"/>
        <v>0</v>
      </c>
    </row>
    <row r="761" spans="1:6" x14ac:dyDescent="0.25">
      <c r="A761" s="24" t="s">
        <v>348</v>
      </c>
      <c r="B761" s="61" t="s">
        <v>69</v>
      </c>
      <c r="C761" s="38" t="s">
        <v>17</v>
      </c>
      <c r="D761" s="27"/>
      <c r="E761" s="44">
        <v>0.63990000000000002</v>
      </c>
      <c r="F761" s="29">
        <f t="shared" si="39"/>
        <v>0</v>
      </c>
    </row>
    <row r="762" spans="1:6" x14ac:dyDescent="0.25">
      <c r="A762" s="24" t="s">
        <v>877</v>
      </c>
      <c r="B762" s="61" t="s">
        <v>69</v>
      </c>
      <c r="C762" s="38" t="s">
        <v>17</v>
      </c>
      <c r="D762" s="27"/>
      <c r="E762" s="44">
        <v>0.25990000000000002</v>
      </c>
      <c r="F762" s="29">
        <f t="shared" si="39"/>
        <v>0</v>
      </c>
    </row>
    <row r="763" spans="1:6" x14ac:dyDescent="0.25">
      <c r="A763" s="57" t="s">
        <v>1434</v>
      </c>
      <c r="B763" s="62" t="s">
        <v>69</v>
      </c>
      <c r="C763" s="39" t="s">
        <v>17</v>
      </c>
      <c r="D763" s="31"/>
      <c r="E763" s="45">
        <v>4.5029000000000003</v>
      </c>
      <c r="F763" s="32">
        <f t="shared" si="39"/>
        <v>0</v>
      </c>
    </row>
    <row r="764" spans="1:6" x14ac:dyDescent="0.25">
      <c r="A764" s="24" t="s">
        <v>881</v>
      </c>
      <c r="B764" s="61" t="s">
        <v>69</v>
      </c>
      <c r="C764" s="38" t="s">
        <v>17</v>
      </c>
      <c r="D764" s="27"/>
      <c r="E764" s="44">
        <v>3.0369999999999999</v>
      </c>
      <c r="F764" s="29">
        <f t="shared" si="39"/>
        <v>0</v>
      </c>
    </row>
    <row r="765" spans="1:6" x14ac:dyDescent="0.25">
      <c r="A765" s="24" t="s">
        <v>879</v>
      </c>
      <c r="B765" s="61" t="s">
        <v>69</v>
      </c>
      <c r="C765" s="38" t="s">
        <v>17</v>
      </c>
      <c r="D765" s="27"/>
      <c r="E765" s="44">
        <v>1.7349000000000001</v>
      </c>
      <c r="F765" s="29">
        <f t="shared" si="39"/>
        <v>0</v>
      </c>
    </row>
    <row r="766" spans="1:6" x14ac:dyDescent="0.25">
      <c r="A766" s="24" t="s">
        <v>1210</v>
      </c>
      <c r="B766" s="61" t="s">
        <v>69</v>
      </c>
      <c r="C766" s="38" t="s">
        <v>17</v>
      </c>
      <c r="D766" s="27"/>
      <c r="E766" s="44">
        <v>0.1699</v>
      </c>
      <c r="F766" s="29">
        <f t="shared" si="39"/>
        <v>0</v>
      </c>
    </row>
    <row r="767" spans="1:6" ht="24" x14ac:dyDescent="0.25">
      <c r="A767" s="24" t="s">
        <v>883</v>
      </c>
      <c r="B767" s="61" t="s">
        <v>69</v>
      </c>
      <c r="C767" s="38" t="s">
        <v>17</v>
      </c>
      <c r="D767" s="27"/>
      <c r="E767" s="44">
        <v>2.7999000000000001</v>
      </c>
      <c r="F767" s="29">
        <f t="shared" si="39"/>
        <v>0</v>
      </c>
    </row>
    <row r="768" spans="1:6" x14ac:dyDescent="0.25">
      <c r="A768" s="24" t="s">
        <v>880</v>
      </c>
      <c r="B768" s="61" t="s">
        <v>69</v>
      </c>
      <c r="C768" s="38" t="s">
        <v>17</v>
      </c>
      <c r="D768" s="27"/>
      <c r="E768" s="44">
        <v>0.33400000000000002</v>
      </c>
      <c r="F768" s="29">
        <f t="shared" si="39"/>
        <v>0</v>
      </c>
    </row>
    <row r="769" spans="1:6" x14ac:dyDescent="0.25">
      <c r="A769" s="24" t="s">
        <v>878</v>
      </c>
      <c r="B769" s="61" t="s">
        <v>69</v>
      </c>
      <c r="C769" s="38" t="s">
        <v>17</v>
      </c>
      <c r="D769" s="27"/>
      <c r="E769" s="44">
        <v>0.25790000000000002</v>
      </c>
      <c r="F769" s="29">
        <f t="shared" si="39"/>
        <v>0</v>
      </c>
    </row>
    <row r="770" spans="1:6" x14ac:dyDescent="0.25">
      <c r="A770" s="24" t="s">
        <v>1209</v>
      </c>
      <c r="B770" s="61" t="s">
        <v>69</v>
      </c>
      <c r="C770" s="38" t="s">
        <v>17</v>
      </c>
      <c r="D770" s="27"/>
      <c r="E770" s="44">
        <v>1.5439000000000001</v>
      </c>
      <c r="F770" s="29">
        <f t="shared" si="39"/>
        <v>0</v>
      </c>
    </row>
    <row r="771" spans="1:6" x14ac:dyDescent="0.25">
      <c r="A771" s="24" t="s">
        <v>882</v>
      </c>
      <c r="B771" s="61" t="s">
        <v>69</v>
      </c>
      <c r="C771" s="38" t="s">
        <v>17</v>
      </c>
      <c r="D771" s="27"/>
      <c r="E771" s="44">
        <v>1.2434000000000001</v>
      </c>
      <c r="F771" s="29">
        <f t="shared" si="39"/>
        <v>0</v>
      </c>
    </row>
    <row r="772" spans="1:6" x14ac:dyDescent="0.25">
      <c r="A772" s="24" t="s">
        <v>884</v>
      </c>
      <c r="B772" s="61" t="s">
        <v>69</v>
      </c>
      <c r="C772" s="38" t="s">
        <v>17</v>
      </c>
      <c r="D772" s="27"/>
      <c r="E772" s="44">
        <v>0.18440000000000001</v>
      </c>
      <c r="F772" s="29">
        <f t="shared" si="39"/>
        <v>0</v>
      </c>
    </row>
    <row r="773" spans="1:6" x14ac:dyDescent="0.25">
      <c r="A773" s="24" t="s">
        <v>929</v>
      </c>
      <c r="B773" s="61" t="s">
        <v>69</v>
      </c>
      <c r="C773" s="38" t="s">
        <v>17</v>
      </c>
      <c r="D773" s="27"/>
      <c r="E773" s="44">
        <v>0.52459999999999996</v>
      </c>
      <c r="F773" s="29">
        <f t="shared" si="39"/>
        <v>0</v>
      </c>
    </row>
    <row r="774" spans="1:6" x14ac:dyDescent="0.25">
      <c r="A774" s="24" t="s">
        <v>885</v>
      </c>
      <c r="B774" s="61" t="s">
        <v>69</v>
      </c>
      <c r="C774" s="38" t="s">
        <v>17</v>
      </c>
      <c r="D774" s="27"/>
      <c r="E774" s="44">
        <v>0.92989999999999995</v>
      </c>
      <c r="F774" s="29">
        <f t="shared" si="39"/>
        <v>0</v>
      </c>
    </row>
    <row r="775" spans="1:6" x14ac:dyDescent="0.25">
      <c r="A775" s="24" t="s">
        <v>349</v>
      </c>
      <c r="B775" s="61" t="s">
        <v>69</v>
      </c>
      <c r="C775" s="38" t="s">
        <v>17</v>
      </c>
      <c r="D775" s="27"/>
      <c r="E775" s="44">
        <v>1.6678999999999999</v>
      </c>
      <c r="F775" s="29">
        <f t="shared" si="39"/>
        <v>0</v>
      </c>
    </row>
    <row r="776" spans="1:6" ht="24" x14ac:dyDescent="0.25">
      <c r="A776" s="24" t="s">
        <v>886</v>
      </c>
      <c r="B776" s="61" t="s">
        <v>69</v>
      </c>
      <c r="C776" s="38" t="s">
        <v>17</v>
      </c>
      <c r="D776" s="27"/>
      <c r="E776" s="44">
        <v>4.5</v>
      </c>
      <c r="F776" s="29">
        <f t="shared" si="39"/>
        <v>0</v>
      </c>
    </row>
    <row r="777" spans="1:6" x14ac:dyDescent="0.25">
      <c r="A777" s="24" t="s">
        <v>350</v>
      </c>
      <c r="B777" s="61" t="s">
        <v>69</v>
      </c>
      <c r="C777" s="38" t="s">
        <v>70</v>
      </c>
      <c r="D777" s="27"/>
      <c r="E777" s="44">
        <v>49.999899999999997</v>
      </c>
      <c r="F777" s="29">
        <f t="shared" si="39"/>
        <v>0</v>
      </c>
    </row>
    <row r="778" spans="1:6" x14ac:dyDescent="0.25">
      <c r="A778" s="24" t="s">
        <v>930</v>
      </c>
      <c r="B778" s="61" t="s">
        <v>69</v>
      </c>
      <c r="C778" s="38" t="s">
        <v>17</v>
      </c>
      <c r="D778" s="27"/>
      <c r="E778" s="44">
        <v>1.1798999999999999</v>
      </c>
      <c r="F778" s="29">
        <f t="shared" si="39"/>
        <v>0</v>
      </c>
    </row>
    <row r="779" spans="1:6" x14ac:dyDescent="0.25">
      <c r="A779" s="24" t="s">
        <v>887</v>
      </c>
      <c r="B779" s="61" t="s">
        <v>69</v>
      </c>
      <c r="C779" s="38" t="s">
        <v>18</v>
      </c>
      <c r="D779" s="27"/>
      <c r="E779" s="44">
        <v>29.9</v>
      </c>
      <c r="F779" s="29">
        <f t="shared" si="39"/>
        <v>0</v>
      </c>
    </row>
    <row r="780" spans="1:6" x14ac:dyDescent="0.25">
      <c r="A780" s="24" t="s">
        <v>888</v>
      </c>
      <c r="B780" s="61" t="s">
        <v>69</v>
      </c>
      <c r="C780" s="38" t="s">
        <v>17</v>
      </c>
      <c r="D780" s="27"/>
      <c r="E780" s="44">
        <v>0.32990000000000003</v>
      </c>
      <c r="F780" s="29">
        <f t="shared" si="39"/>
        <v>0</v>
      </c>
    </row>
    <row r="781" spans="1:6" x14ac:dyDescent="0.25">
      <c r="A781" s="24" t="s">
        <v>931</v>
      </c>
      <c r="B781" s="61" t="s">
        <v>69</v>
      </c>
      <c r="C781" s="38" t="s">
        <v>17</v>
      </c>
      <c r="D781" s="27"/>
      <c r="E781" s="44">
        <v>0.69969999999999999</v>
      </c>
      <c r="F781" s="29">
        <f t="shared" si="39"/>
        <v>0</v>
      </c>
    </row>
    <row r="782" spans="1:6" x14ac:dyDescent="0.25">
      <c r="A782" s="24" t="s">
        <v>889</v>
      </c>
      <c r="B782" s="61" t="s">
        <v>69</v>
      </c>
      <c r="C782" s="38" t="s">
        <v>17</v>
      </c>
      <c r="D782" s="27"/>
      <c r="E782" s="44">
        <v>0.71589999999999998</v>
      </c>
      <c r="F782" s="29">
        <f t="shared" si="39"/>
        <v>0</v>
      </c>
    </row>
    <row r="783" spans="1:6" x14ac:dyDescent="0.25">
      <c r="A783" s="24" t="s">
        <v>890</v>
      </c>
      <c r="B783" s="61" t="s">
        <v>69</v>
      </c>
      <c r="C783" s="38" t="s">
        <v>19</v>
      </c>
      <c r="D783" s="27"/>
      <c r="E783" s="44">
        <v>1.8139000000000001</v>
      </c>
      <c r="F783" s="29">
        <f t="shared" si="39"/>
        <v>0</v>
      </c>
    </row>
    <row r="784" spans="1:6" x14ac:dyDescent="0.25">
      <c r="A784" s="24" t="s">
        <v>891</v>
      </c>
      <c r="B784" s="61" t="s">
        <v>69</v>
      </c>
      <c r="C784" s="38" t="s">
        <v>17</v>
      </c>
      <c r="D784" s="27"/>
      <c r="E784" s="44">
        <v>0.35</v>
      </c>
      <c r="F784" s="29">
        <f t="shared" si="39"/>
        <v>0</v>
      </c>
    </row>
    <row r="785" spans="1:6" x14ac:dyDescent="0.25">
      <c r="A785" s="24" t="s">
        <v>1211</v>
      </c>
      <c r="B785" s="61" t="s">
        <v>69</v>
      </c>
      <c r="C785" s="38" t="s">
        <v>5</v>
      </c>
      <c r="D785" s="27"/>
      <c r="E785" s="44">
        <v>2.4500000000000002</v>
      </c>
      <c r="F785" s="29">
        <f t="shared" si="39"/>
        <v>0</v>
      </c>
    </row>
    <row r="786" spans="1:6" x14ac:dyDescent="0.25">
      <c r="A786" s="24" t="s">
        <v>892</v>
      </c>
      <c r="B786" s="61" t="s">
        <v>69</v>
      </c>
      <c r="C786" s="38" t="s">
        <v>5</v>
      </c>
      <c r="D786" s="27"/>
      <c r="E786" s="44">
        <v>1.6549</v>
      </c>
      <c r="F786" s="29">
        <f t="shared" ref="F786:F815" si="40">SUM(D786*E786)</f>
        <v>0</v>
      </c>
    </row>
    <row r="787" spans="1:6" x14ac:dyDescent="0.25">
      <c r="A787" s="24" t="s">
        <v>893</v>
      </c>
      <c r="B787" s="61" t="s">
        <v>69</v>
      </c>
      <c r="C787" s="38" t="s">
        <v>5</v>
      </c>
      <c r="D787" s="27"/>
      <c r="E787" s="44">
        <v>1.8989</v>
      </c>
      <c r="F787" s="29">
        <f t="shared" si="40"/>
        <v>0</v>
      </c>
    </row>
    <row r="788" spans="1:6" x14ac:dyDescent="0.25">
      <c r="A788" s="24" t="s">
        <v>932</v>
      </c>
      <c r="B788" s="61" t="s">
        <v>69</v>
      </c>
      <c r="C788" s="38" t="s">
        <v>17</v>
      </c>
      <c r="D788" s="27"/>
      <c r="E788" s="44">
        <v>0.57989999999999997</v>
      </c>
      <c r="F788" s="29">
        <f t="shared" si="40"/>
        <v>0</v>
      </c>
    </row>
    <row r="789" spans="1:6" x14ac:dyDescent="0.25">
      <c r="A789" s="24" t="s">
        <v>933</v>
      </c>
      <c r="B789" s="61" t="s">
        <v>69</v>
      </c>
      <c r="C789" s="38" t="s">
        <v>17</v>
      </c>
      <c r="D789" s="27"/>
      <c r="E789" s="44">
        <v>1.0279</v>
      </c>
      <c r="F789" s="29">
        <f t="shared" si="40"/>
        <v>0</v>
      </c>
    </row>
    <row r="790" spans="1:6" x14ac:dyDescent="0.25">
      <c r="A790" s="24" t="s">
        <v>894</v>
      </c>
      <c r="B790" s="61" t="s">
        <v>69</v>
      </c>
      <c r="C790" s="38" t="s">
        <v>17</v>
      </c>
      <c r="D790" s="27"/>
      <c r="E790" s="44">
        <v>0.88370000000000004</v>
      </c>
      <c r="F790" s="29">
        <f t="shared" si="40"/>
        <v>0</v>
      </c>
    </row>
    <row r="791" spans="1:6" x14ac:dyDescent="0.25">
      <c r="A791" s="24" t="s">
        <v>895</v>
      </c>
      <c r="B791" s="61" t="s">
        <v>69</v>
      </c>
      <c r="C791" s="38" t="s">
        <v>17</v>
      </c>
      <c r="D791" s="27"/>
      <c r="E791" s="44">
        <v>0.93230000000000002</v>
      </c>
      <c r="F791" s="29">
        <f t="shared" si="40"/>
        <v>0</v>
      </c>
    </row>
    <row r="792" spans="1:6" x14ac:dyDescent="0.25">
      <c r="A792" s="24" t="s">
        <v>896</v>
      </c>
      <c r="B792" s="61" t="s">
        <v>69</v>
      </c>
      <c r="C792" s="38" t="s">
        <v>702</v>
      </c>
      <c r="D792" s="27"/>
      <c r="E792" s="44">
        <v>0.19989999999999999</v>
      </c>
      <c r="F792" s="29">
        <f t="shared" si="40"/>
        <v>0</v>
      </c>
    </row>
    <row r="793" spans="1:6" x14ac:dyDescent="0.25">
      <c r="A793" s="24" t="s">
        <v>897</v>
      </c>
      <c r="B793" s="61" t="s">
        <v>69</v>
      </c>
      <c r="C793" s="38" t="s">
        <v>18</v>
      </c>
      <c r="D793" s="27"/>
      <c r="E793" s="44">
        <v>3.0998999999999999</v>
      </c>
      <c r="F793" s="29">
        <f t="shared" si="40"/>
        <v>0</v>
      </c>
    </row>
    <row r="794" spans="1:6" x14ac:dyDescent="0.25">
      <c r="A794" s="24" t="s">
        <v>934</v>
      </c>
      <c r="B794" s="61" t="s">
        <v>69</v>
      </c>
      <c r="C794" s="38" t="s">
        <v>18</v>
      </c>
      <c r="D794" s="27"/>
      <c r="E794" s="44">
        <v>18.599900000000002</v>
      </c>
      <c r="F794" s="29">
        <f t="shared" si="40"/>
        <v>0</v>
      </c>
    </row>
    <row r="795" spans="1:6" x14ac:dyDescent="0.25">
      <c r="A795" s="24" t="s">
        <v>898</v>
      </c>
      <c r="B795" s="61" t="s">
        <v>69</v>
      </c>
      <c r="C795" s="38" t="s">
        <v>17</v>
      </c>
      <c r="D795" s="27"/>
      <c r="E795" s="44">
        <v>0.22889999999999999</v>
      </c>
      <c r="F795" s="29">
        <f t="shared" si="40"/>
        <v>0</v>
      </c>
    </row>
    <row r="796" spans="1:6" x14ac:dyDescent="0.25">
      <c r="A796" s="24" t="s">
        <v>1212</v>
      </c>
      <c r="B796" s="61" t="s">
        <v>69</v>
      </c>
      <c r="C796" s="38" t="s">
        <v>17</v>
      </c>
      <c r="D796" s="27"/>
      <c r="E796" s="44">
        <v>0.37990000000000002</v>
      </c>
      <c r="F796" s="29">
        <f t="shared" si="40"/>
        <v>0</v>
      </c>
    </row>
    <row r="797" spans="1:6" x14ac:dyDescent="0.25">
      <c r="A797" s="24" t="s">
        <v>899</v>
      </c>
      <c r="B797" s="61" t="s">
        <v>69</v>
      </c>
      <c r="C797" s="38" t="s">
        <v>18</v>
      </c>
      <c r="D797" s="27"/>
      <c r="E797" s="44">
        <v>9.1989999999999998</v>
      </c>
      <c r="F797" s="29">
        <f t="shared" si="40"/>
        <v>0</v>
      </c>
    </row>
    <row r="798" spans="1:6" x14ac:dyDescent="0.25">
      <c r="A798" s="24" t="s">
        <v>900</v>
      </c>
      <c r="B798" s="61" t="s">
        <v>69</v>
      </c>
      <c r="C798" s="38" t="s">
        <v>18</v>
      </c>
      <c r="D798" s="27"/>
      <c r="E798" s="44">
        <v>15.04</v>
      </c>
      <c r="F798" s="29">
        <f t="shared" si="40"/>
        <v>0</v>
      </c>
    </row>
    <row r="799" spans="1:6" x14ac:dyDescent="0.25">
      <c r="A799" s="24" t="s">
        <v>901</v>
      </c>
      <c r="B799" s="61" t="s">
        <v>69</v>
      </c>
      <c r="C799" s="38" t="s">
        <v>5</v>
      </c>
      <c r="D799" s="27"/>
      <c r="E799" s="44">
        <v>11.149900000000001</v>
      </c>
      <c r="F799" s="29">
        <f t="shared" si="40"/>
        <v>0</v>
      </c>
    </row>
    <row r="800" spans="1:6" x14ac:dyDescent="0.25">
      <c r="A800" s="24" t="s">
        <v>902</v>
      </c>
      <c r="B800" s="61" t="s">
        <v>69</v>
      </c>
      <c r="C800" s="38" t="s">
        <v>17</v>
      </c>
      <c r="D800" s="27"/>
      <c r="E800" s="44">
        <v>0.9899</v>
      </c>
      <c r="F800" s="29">
        <f t="shared" si="40"/>
        <v>0</v>
      </c>
    </row>
    <row r="801" spans="1:6" x14ac:dyDescent="0.25">
      <c r="A801" s="24" t="s">
        <v>903</v>
      </c>
      <c r="B801" s="61" t="s">
        <v>69</v>
      </c>
      <c r="C801" s="38" t="s">
        <v>17</v>
      </c>
      <c r="D801" s="27"/>
      <c r="E801" s="44">
        <v>1.5989</v>
      </c>
      <c r="F801" s="29">
        <f t="shared" si="40"/>
        <v>0</v>
      </c>
    </row>
    <row r="802" spans="1:6" x14ac:dyDescent="0.25">
      <c r="A802" s="24" t="s">
        <v>904</v>
      </c>
      <c r="B802" s="61" t="s">
        <v>69</v>
      </c>
      <c r="C802" s="38" t="s">
        <v>20</v>
      </c>
      <c r="D802" s="27"/>
      <c r="E802" s="44">
        <v>46.799900000000001</v>
      </c>
      <c r="F802" s="29">
        <f t="shared" si="40"/>
        <v>0</v>
      </c>
    </row>
    <row r="803" spans="1:6" x14ac:dyDescent="0.25">
      <c r="A803" s="24" t="s">
        <v>905</v>
      </c>
      <c r="B803" s="61" t="s">
        <v>69</v>
      </c>
      <c r="C803" s="38" t="s">
        <v>17</v>
      </c>
      <c r="D803" s="27"/>
      <c r="E803" s="44">
        <v>0.3659</v>
      </c>
      <c r="F803" s="29">
        <f t="shared" si="40"/>
        <v>0</v>
      </c>
    </row>
    <row r="804" spans="1:6" x14ac:dyDescent="0.25">
      <c r="A804" s="24" t="s">
        <v>906</v>
      </c>
      <c r="B804" s="61" t="s">
        <v>69</v>
      </c>
      <c r="C804" s="38" t="s">
        <v>17</v>
      </c>
      <c r="D804" s="27"/>
      <c r="E804" s="44">
        <v>0.50190000000000001</v>
      </c>
      <c r="F804" s="29">
        <f t="shared" si="40"/>
        <v>0</v>
      </c>
    </row>
    <row r="805" spans="1:6" x14ac:dyDescent="0.25">
      <c r="A805" s="24" t="s">
        <v>907</v>
      </c>
      <c r="B805" s="61" t="s">
        <v>69</v>
      </c>
      <c r="C805" s="38" t="s">
        <v>17</v>
      </c>
      <c r="D805" s="27"/>
      <c r="E805" s="44">
        <v>0.78790000000000004</v>
      </c>
      <c r="F805" s="29">
        <f t="shared" si="40"/>
        <v>0</v>
      </c>
    </row>
    <row r="806" spans="1:6" x14ac:dyDescent="0.25">
      <c r="A806" s="24" t="s">
        <v>809</v>
      </c>
      <c r="B806" s="61" t="s">
        <v>69</v>
      </c>
      <c r="C806" s="38" t="s">
        <v>18</v>
      </c>
      <c r="D806" s="27"/>
      <c r="E806" s="44">
        <v>13.5999</v>
      </c>
      <c r="F806" s="29">
        <f t="shared" si="40"/>
        <v>0</v>
      </c>
    </row>
    <row r="807" spans="1:6" x14ac:dyDescent="0.25">
      <c r="A807" s="24" t="s">
        <v>1213</v>
      </c>
      <c r="B807" s="61" t="s">
        <v>69</v>
      </c>
      <c r="C807" s="38" t="s">
        <v>17</v>
      </c>
      <c r="D807" s="27"/>
      <c r="E807" s="44">
        <v>1</v>
      </c>
      <c r="F807" s="29">
        <f t="shared" si="40"/>
        <v>0</v>
      </c>
    </row>
    <row r="808" spans="1:6" x14ac:dyDescent="0.25">
      <c r="A808" s="24" t="s">
        <v>908</v>
      </c>
      <c r="B808" s="61" t="s">
        <v>69</v>
      </c>
      <c r="C808" s="38" t="s">
        <v>18</v>
      </c>
      <c r="D808" s="27"/>
      <c r="E808" s="44">
        <v>88.99</v>
      </c>
      <c r="F808" s="29">
        <f t="shared" si="40"/>
        <v>0</v>
      </c>
    </row>
    <row r="809" spans="1:6" x14ac:dyDescent="0.25">
      <c r="A809" s="24" t="s">
        <v>935</v>
      </c>
      <c r="B809" s="61" t="s">
        <v>69</v>
      </c>
      <c r="C809" s="38" t="s">
        <v>17</v>
      </c>
      <c r="D809" s="27"/>
      <c r="E809" s="44">
        <v>1.2399</v>
      </c>
      <c r="F809" s="29">
        <f t="shared" si="40"/>
        <v>0</v>
      </c>
    </row>
    <row r="810" spans="1:6" x14ac:dyDescent="0.25">
      <c r="A810" s="24" t="s">
        <v>936</v>
      </c>
      <c r="B810" s="61" t="s">
        <v>69</v>
      </c>
      <c r="C810" s="38" t="s">
        <v>17</v>
      </c>
      <c r="D810" s="27"/>
      <c r="E810" s="44">
        <v>0.56989999999999996</v>
      </c>
      <c r="F810" s="29">
        <f t="shared" si="40"/>
        <v>0</v>
      </c>
    </row>
    <row r="811" spans="1:6" x14ac:dyDescent="0.25">
      <c r="A811" s="24" t="s">
        <v>351</v>
      </c>
      <c r="B811" s="61" t="s">
        <v>69</v>
      </c>
      <c r="C811" s="38" t="s">
        <v>20</v>
      </c>
      <c r="D811" s="27"/>
      <c r="E811" s="44">
        <v>18.89</v>
      </c>
      <c r="F811" s="29">
        <f t="shared" si="40"/>
        <v>0</v>
      </c>
    </row>
    <row r="812" spans="1:6" x14ac:dyDescent="0.25">
      <c r="A812" s="24" t="s">
        <v>352</v>
      </c>
      <c r="B812" s="61" t="s">
        <v>69</v>
      </c>
      <c r="C812" s="38" t="s">
        <v>18</v>
      </c>
      <c r="D812" s="27"/>
      <c r="E812" s="44">
        <v>297.98</v>
      </c>
      <c r="F812" s="29">
        <f t="shared" si="40"/>
        <v>0</v>
      </c>
    </row>
    <row r="813" spans="1:6" x14ac:dyDescent="0.25">
      <c r="A813" s="24" t="s">
        <v>937</v>
      </c>
      <c r="B813" s="61" t="s">
        <v>69</v>
      </c>
      <c r="C813" s="38" t="s">
        <v>17</v>
      </c>
      <c r="D813" s="27"/>
      <c r="E813" s="44">
        <v>0.34289999999999998</v>
      </c>
      <c r="F813" s="29">
        <f t="shared" si="40"/>
        <v>0</v>
      </c>
    </row>
    <row r="814" spans="1:6" x14ac:dyDescent="0.25">
      <c r="A814" s="24" t="s">
        <v>938</v>
      </c>
      <c r="B814" s="61" t="s">
        <v>69</v>
      </c>
      <c r="C814" s="38" t="s">
        <v>17</v>
      </c>
      <c r="D814" s="27"/>
      <c r="E814" s="44">
        <v>0.9899</v>
      </c>
      <c r="F814" s="29">
        <f t="shared" si="40"/>
        <v>0</v>
      </c>
    </row>
    <row r="815" spans="1:6" x14ac:dyDescent="0.25">
      <c r="A815" s="24" t="s">
        <v>909</v>
      </c>
      <c r="B815" s="61" t="s">
        <v>69</v>
      </c>
      <c r="C815" s="38" t="s">
        <v>17</v>
      </c>
      <c r="D815" s="27"/>
      <c r="E815" s="44">
        <v>0.35</v>
      </c>
      <c r="F815" s="29">
        <f t="shared" si="40"/>
        <v>0</v>
      </c>
    </row>
    <row r="816" spans="1:6" x14ac:dyDescent="0.25">
      <c r="A816" s="36" t="s">
        <v>158</v>
      </c>
      <c r="B816" s="61"/>
      <c r="C816" s="38"/>
      <c r="D816" s="27"/>
      <c r="E816" s="44"/>
      <c r="F816" s="29">
        <f t="shared" ref="F816:F817" si="41">SUM(D816*E816)</f>
        <v>0</v>
      </c>
    </row>
    <row r="817" spans="1:6" x14ac:dyDescent="0.25">
      <c r="A817" s="58" t="s">
        <v>71</v>
      </c>
      <c r="B817" s="61"/>
      <c r="C817" s="38"/>
      <c r="D817" s="27"/>
      <c r="E817" s="44"/>
      <c r="F817" s="29">
        <f t="shared" si="41"/>
        <v>0</v>
      </c>
    </row>
    <row r="818" spans="1:6" x14ac:dyDescent="0.25">
      <c r="A818" s="24" t="s">
        <v>773</v>
      </c>
      <c r="B818" s="61" t="s">
        <v>72</v>
      </c>
      <c r="C818" s="38" t="s">
        <v>16</v>
      </c>
      <c r="D818" s="27"/>
      <c r="E818" s="44">
        <v>5.0217000000000001</v>
      </c>
      <c r="F818" s="29">
        <f t="shared" ref="F818:F861" si="42">SUM(D818*E818)</f>
        <v>0</v>
      </c>
    </row>
    <row r="819" spans="1:6" x14ac:dyDescent="0.25">
      <c r="A819" s="24" t="s">
        <v>775</v>
      </c>
      <c r="B819" s="61" t="s">
        <v>72</v>
      </c>
      <c r="C819" s="38" t="s">
        <v>18</v>
      </c>
      <c r="D819" s="27"/>
      <c r="E819" s="44">
        <v>2.4594999999999998</v>
      </c>
      <c r="F819" s="29">
        <f t="shared" si="42"/>
        <v>0</v>
      </c>
    </row>
    <row r="820" spans="1:6" x14ac:dyDescent="0.25">
      <c r="A820" s="24" t="s">
        <v>774</v>
      </c>
      <c r="B820" s="61" t="s">
        <v>72</v>
      </c>
      <c r="C820" s="38" t="s">
        <v>16</v>
      </c>
      <c r="D820" s="27"/>
      <c r="E820" s="44">
        <v>3.9998999999999998</v>
      </c>
      <c r="F820" s="29">
        <f t="shared" si="42"/>
        <v>0</v>
      </c>
    </row>
    <row r="821" spans="1:6" x14ac:dyDescent="0.25">
      <c r="A821" s="24" t="s">
        <v>776</v>
      </c>
      <c r="B821" s="61" t="s">
        <v>72</v>
      </c>
      <c r="C821" s="38" t="s">
        <v>17</v>
      </c>
      <c r="D821" s="27"/>
      <c r="E821" s="44">
        <v>0.29849999999999999</v>
      </c>
      <c r="F821" s="29">
        <f t="shared" si="42"/>
        <v>0</v>
      </c>
    </row>
    <row r="822" spans="1:6" x14ac:dyDescent="0.25">
      <c r="A822" s="24" t="s">
        <v>777</v>
      </c>
      <c r="B822" s="61" t="s">
        <v>72</v>
      </c>
      <c r="C822" s="38" t="s">
        <v>18</v>
      </c>
      <c r="D822" s="27"/>
      <c r="E822" s="44">
        <v>4.0564999999999998</v>
      </c>
      <c r="F822" s="29">
        <f t="shared" si="42"/>
        <v>0</v>
      </c>
    </row>
    <row r="823" spans="1:6" x14ac:dyDescent="0.25">
      <c r="A823" s="24" t="s">
        <v>778</v>
      </c>
      <c r="B823" s="61" t="s">
        <v>72</v>
      </c>
      <c r="C823" s="38" t="s">
        <v>702</v>
      </c>
      <c r="D823" s="27"/>
      <c r="E823" s="44">
        <v>0.10970000000000001</v>
      </c>
      <c r="F823" s="29">
        <f t="shared" si="42"/>
        <v>0</v>
      </c>
    </row>
    <row r="824" spans="1:6" x14ac:dyDescent="0.25">
      <c r="A824" s="24" t="s">
        <v>779</v>
      </c>
      <c r="B824" s="61" t="s">
        <v>72</v>
      </c>
      <c r="C824" s="38" t="s">
        <v>16</v>
      </c>
      <c r="D824" s="27"/>
      <c r="E824" s="44">
        <v>1.18</v>
      </c>
      <c r="F824" s="29">
        <f t="shared" si="42"/>
        <v>0</v>
      </c>
    </row>
    <row r="825" spans="1:6" x14ac:dyDescent="0.25">
      <c r="A825" s="24" t="s">
        <v>799</v>
      </c>
      <c r="B825" s="61" t="s">
        <v>72</v>
      </c>
      <c r="C825" s="38" t="s">
        <v>17</v>
      </c>
      <c r="D825" s="27"/>
      <c r="E825" s="44">
        <v>5.1799999999999999E-2</v>
      </c>
      <c r="F825" s="29">
        <f t="shared" si="42"/>
        <v>0</v>
      </c>
    </row>
    <row r="826" spans="1:6" x14ac:dyDescent="0.25">
      <c r="A826" s="24" t="s">
        <v>780</v>
      </c>
      <c r="B826" s="61" t="s">
        <v>72</v>
      </c>
      <c r="C826" s="38" t="s">
        <v>18</v>
      </c>
      <c r="D826" s="27"/>
      <c r="E826" s="44">
        <v>0.1249</v>
      </c>
      <c r="F826" s="29">
        <f t="shared" si="42"/>
        <v>0</v>
      </c>
    </row>
    <row r="827" spans="1:6" x14ac:dyDescent="0.25">
      <c r="A827" s="24" t="s">
        <v>801</v>
      </c>
      <c r="B827" s="61" t="s">
        <v>72</v>
      </c>
      <c r="C827" s="38" t="s">
        <v>17</v>
      </c>
      <c r="D827" s="27"/>
      <c r="E827" s="44">
        <v>4.3900000000000002E-2</v>
      </c>
      <c r="F827" s="29">
        <f t="shared" si="42"/>
        <v>0</v>
      </c>
    </row>
    <row r="828" spans="1:6" x14ac:dyDescent="0.25">
      <c r="A828" s="24" t="s">
        <v>800</v>
      </c>
      <c r="B828" s="61" t="s">
        <v>72</v>
      </c>
      <c r="C828" s="38" t="s">
        <v>17</v>
      </c>
      <c r="D828" s="27"/>
      <c r="E828" s="44">
        <v>4.3999999999999997E-2</v>
      </c>
      <c r="F828" s="29">
        <f t="shared" si="42"/>
        <v>0</v>
      </c>
    </row>
    <row r="829" spans="1:6" ht="24" x14ac:dyDescent="0.25">
      <c r="A829" s="24" t="s">
        <v>781</v>
      </c>
      <c r="B829" s="61" t="s">
        <v>72</v>
      </c>
      <c r="C829" s="38" t="s">
        <v>18</v>
      </c>
      <c r="D829" s="27"/>
      <c r="E829" s="44">
        <v>1.294</v>
      </c>
      <c r="F829" s="29">
        <f t="shared" si="42"/>
        <v>0</v>
      </c>
    </row>
    <row r="830" spans="1:6" x14ac:dyDescent="0.25">
      <c r="A830" s="24" t="s">
        <v>802</v>
      </c>
      <c r="B830" s="61" t="s">
        <v>72</v>
      </c>
      <c r="C830" s="38" t="s">
        <v>17</v>
      </c>
      <c r="D830" s="27"/>
      <c r="E830" s="44">
        <v>0.43120000000000003</v>
      </c>
      <c r="F830" s="29">
        <f t="shared" si="42"/>
        <v>0</v>
      </c>
    </row>
    <row r="831" spans="1:6" x14ac:dyDescent="0.25">
      <c r="A831" s="24" t="s">
        <v>782</v>
      </c>
      <c r="B831" s="61" t="s">
        <v>72</v>
      </c>
      <c r="C831" s="38" t="s">
        <v>17</v>
      </c>
      <c r="D831" s="27"/>
      <c r="E831" s="44">
        <v>0.30230000000000001</v>
      </c>
      <c r="F831" s="29">
        <f t="shared" si="42"/>
        <v>0</v>
      </c>
    </row>
    <row r="832" spans="1:6" x14ac:dyDescent="0.25">
      <c r="A832" s="24" t="s">
        <v>783</v>
      </c>
      <c r="B832" s="61" t="s">
        <v>72</v>
      </c>
      <c r="C832" s="38" t="s">
        <v>17</v>
      </c>
      <c r="D832" s="27"/>
      <c r="E832" s="44">
        <v>4.6399999999999997E-2</v>
      </c>
      <c r="F832" s="29">
        <f t="shared" si="42"/>
        <v>0</v>
      </c>
    </row>
    <row r="833" spans="1:6" x14ac:dyDescent="0.25">
      <c r="A833" s="24" t="s">
        <v>784</v>
      </c>
      <c r="B833" s="61" t="s">
        <v>72</v>
      </c>
      <c r="C833" s="38" t="s">
        <v>16</v>
      </c>
      <c r="D833" s="27"/>
      <c r="E833" s="44">
        <v>10.2849</v>
      </c>
      <c r="F833" s="29">
        <f t="shared" si="42"/>
        <v>0</v>
      </c>
    </row>
    <row r="834" spans="1:6" x14ac:dyDescent="0.25">
      <c r="A834" s="24" t="s">
        <v>785</v>
      </c>
      <c r="B834" s="61" t="s">
        <v>72</v>
      </c>
      <c r="C834" s="38" t="s">
        <v>17</v>
      </c>
      <c r="D834" s="27"/>
      <c r="E834" s="44">
        <v>0.26989999999999997</v>
      </c>
      <c r="F834" s="29">
        <f t="shared" si="42"/>
        <v>0</v>
      </c>
    </row>
    <row r="835" spans="1:6" x14ac:dyDescent="0.25">
      <c r="A835" s="24" t="s">
        <v>786</v>
      </c>
      <c r="B835" s="61" t="s">
        <v>72</v>
      </c>
      <c r="C835" s="38" t="s">
        <v>702</v>
      </c>
      <c r="D835" s="27"/>
      <c r="E835" s="44">
        <v>0.51300000000000001</v>
      </c>
      <c r="F835" s="29">
        <f t="shared" si="42"/>
        <v>0</v>
      </c>
    </row>
    <row r="836" spans="1:6" x14ac:dyDescent="0.25">
      <c r="A836" s="24" t="s">
        <v>787</v>
      </c>
      <c r="B836" s="61" t="s">
        <v>72</v>
      </c>
      <c r="C836" s="38" t="s">
        <v>54</v>
      </c>
      <c r="D836" s="27"/>
      <c r="E836" s="44">
        <v>1.6149</v>
      </c>
      <c r="F836" s="29">
        <f t="shared" si="42"/>
        <v>0</v>
      </c>
    </row>
    <row r="837" spans="1:6" x14ac:dyDescent="0.25">
      <c r="A837" s="24" t="s">
        <v>1436</v>
      </c>
      <c r="B837" s="61" t="s">
        <v>72</v>
      </c>
      <c r="C837" s="38" t="s">
        <v>54</v>
      </c>
      <c r="D837" s="27"/>
      <c r="E837" s="44">
        <v>0.89990000000000003</v>
      </c>
      <c r="F837" s="29">
        <f t="shared" si="42"/>
        <v>0</v>
      </c>
    </row>
    <row r="838" spans="1:6" x14ac:dyDescent="0.25">
      <c r="A838" s="24" t="s">
        <v>788</v>
      </c>
      <c r="B838" s="61" t="s">
        <v>72</v>
      </c>
      <c r="C838" s="38" t="s">
        <v>17</v>
      </c>
      <c r="D838" s="27"/>
      <c r="E838" s="44">
        <v>0.12989999999999999</v>
      </c>
      <c r="F838" s="29">
        <f t="shared" si="42"/>
        <v>0</v>
      </c>
    </row>
    <row r="839" spans="1:6" x14ac:dyDescent="0.25">
      <c r="A839" s="24" t="s">
        <v>789</v>
      </c>
      <c r="B839" s="61" t="s">
        <v>72</v>
      </c>
      <c r="C839" s="38" t="s">
        <v>17</v>
      </c>
      <c r="D839" s="27"/>
      <c r="E839" s="44">
        <v>7.3400000000000007E-2</v>
      </c>
      <c r="F839" s="29">
        <f t="shared" si="42"/>
        <v>0</v>
      </c>
    </row>
    <row r="840" spans="1:6" x14ac:dyDescent="0.25">
      <c r="A840" s="24" t="s">
        <v>790</v>
      </c>
      <c r="B840" s="61" t="s">
        <v>72</v>
      </c>
      <c r="C840" s="38" t="s">
        <v>17</v>
      </c>
      <c r="D840" s="27"/>
      <c r="E840" s="44">
        <v>7.1999999999999995E-2</v>
      </c>
      <c r="F840" s="29">
        <f t="shared" si="42"/>
        <v>0</v>
      </c>
    </row>
    <row r="841" spans="1:6" x14ac:dyDescent="0.25">
      <c r="A841" s="24" t="s">
        <v>791</v>
      </c>
      <c r="B841" s="61" t="s">
        <v>72</v>
      </c>
      <c r="C841" s="38" t="s">
        <v>17</v>
      </c>
      <c r="D841" s="27"/>
      <c r="E841" s="44">
        <v>0.159</v>
      </c>
      <c r="F841" s="29">
        <f t="shared" si="42"/>
        <v>0</v>
      </c>
    </row>
    <row r="842" spans="1:6" s="1" customFormat="1" x14ac:dyDescent="0.25">
      <c r="A842" s="24" t="s">
        <v>1215</v>
      </c>
      <c r="B842" s="61" t="s">
        <v>72</v>
      </c>
      <c r="C842" s="38" t="s">
        <v>17</v>
      </c>
      <c r="D842" s="27"/>
      <c r="E842" s="44">
        <v>5.9</v>
      </c>
      <c r="F842" s="29">
        <f t="shared" si="42"/>
        <v>0</v>
      </c>
    </row>
    <row r="843" spans="1:6" x14ac:dyDescent="0.25">
      <c r="A843" s="24" t="s">
        <v>792</v>
      </c>
      <c r="B843" s="61" t="s">
        <v>72</v>
      </c>
      <c r="C843" s="38" t="s">
        <v>17</v>
      </c>
      <c r="D843" s="27"/>
      <c r="E843" s="44">
        <v>0.71399999999999997</v>
      </c>
      <c r="F843" s="29">
        <f t="shared" si="42"/>
        <v>0</v>
      </c>
    </row>
    <row r="844" spans="1:6" x14ac:dyDescent="0.25">
      <c r="A844" s="24" t="s">
        <v>793</v>
      </c>
      <c r="B844" s="61" t="s">
        <v>72</v>
      </c>
      <c r="C844" s="38" t="s">
        <v>17</v>
      </c>
      <c r="D844" s="27"/>
      <c r="E844" s="44">
        <v>5.3900000000000003E-2</v>
      </c>
      <c r="F844" s="29">
        <f t="shared" si="42"/>
        <v>0</v>
      </c>
    </row>
    <row r="845" spans="1:6" x14ac:dyDescent="0.25">
      <c r="A845" s="24" t="s">
        <v>1216</v>
      </c>
      <c r="B845" s="61" t="s">
        <v>72</v>
      </c>
      <c r="C845" s="38" t="s">
        <v>17</v>
      </c>
      <c r="D845" s="27"/>
      <c r="E845" s="44">
        <v>1</v>
      </c>
      <c r="F845" s="29">
        <f t="shared" si="42"/>
        <v>0</v>
      </c>
    </row>
    <row r="846" spans="1:6" s="1" customFormat="1" x14ac:dyDescent="0.25">
      <c r="A846" s="24" t="s">
        <v>794</v>
      </c>
      <c r="B846" s="61" t="s">
        <v>72</v>
      </c>
      <c r="C846" s="38" t="s">
        <v>17</v>
      </c>
      <c r="D846" s="27"/>
      <c r="E846" s="44">
        <v>0.64929999999999999</v>
      </c>
      <c r="F846" s="29">
        <f t="shared" si="42"/>
        <v>0</v>
      </c>
    </row>
    <row r="847" spans="1:6" x14ac:dyDescent="0.25">
      <c r="A847" s="24" t="s">
        <v>1217</v>
      </c>
      <c r="B847" s="61" t="s">
        <v>72</v>
      </c>
      <c r="C847" s="38" t="s">
        <v>17</v>
      </c>
      <c r="D847" s="27"/>
      <c r="E847" s="44">
        <v>0.34289999999999998</v>
      </c>
      <c r="F847" s="29">
        <f t="shared" si="42"/>
        <v>0</v>
      </c>
    </row>
    <row r="848" spans="1:6" s="1" customFormat="1" x14ac:dyDescent="0.25">
      <c r="A848" s="24" t="s">
        <v>1218</v>
      </c>
      <c r="B848" s="61" t="s">
        <v>72</v>
      </c>
      <c r="C848" s="38" t="s">
        <v>17</v>
      </c>
      <c r="D848" s="27"/>
      <c r="E848" s="44">
        <v>0.91900000000000004</v>
      </c>
      <c r="F848" s="29">
        <f t="shared" si="42"/>
        <v>0</v>
      </c>
    </row>
    <row r="849" spans="1:6" x14ac:dyDescent="0.25">
      <c r="A849" s="24" t="s">
        <v>795</v>
      </c>
      <c r="B849" s="61" t="s">
        <v>72</v>
      </c>
      <c r="C849" s="38" t="s">
        <v>17</v>
      </c>
      <c r="D849" s="27"/>
      <c r="E849" s="44">
        <v>4.99E-2</v>
      </c>
      <c r="F849" s="29">
        <f t="shared" si="42"/>
        <v>0</v>
      </c>
    </row>
    <row r="850" spans="1:6" x14ac:dyDescent="0.25">
      <c r="A850" s="24" t="s">
        <v>1437</v>
      </c>
      <c r="B850" s="61" t="s">
        <v>72</v>
      </c>
      <c r="C850" s="38" t="s">
        <v>20</v>
      </c>
      <c r="D850" s="27"/>
      <c r="E850" s="44">
        <v>2.839</v>
      </c>
      <c r="F850" s="29">
        <f t="shared" si="42"/>
        <v>0</v>
      </c>
    </row>
    <row r="851" spans="1:6" x14ac:dyDescent="0.25">
      <c r="A851" s="24" t="s">
        <v>803</v>
      </c>
      <c r="B851" s="61" t="s">
        <v>72</v>
      </c>
      <c r="C851" s="38" t="s">
        <v>17</v>
      </c>
      <c r="D851" s="27"/>
      <c r="E851" s="44">
        <v>0.24690000000000001</v>
      </c>
      <c r="F851" s="29">
        <f t="shared" si="42"/>
        <v>0</v>
      </c>
    </row>
    <row r="852" spans="1:6" x14ac:dyDescent="0.25">
      <c r="A852" s="24" t="s">
        <v>804</v>
      </c>
      <c r="B852" s="61" t="s">
        <v>72</v>
      </c>
      <c r="C852" s="38" t="s">
        <v>17</v>
      </c>
      <c r="D852" s="27"/>
      <c r="E852" s="44">
        <v>0.189</v>
      </c>
      <c r="F852" s="29">
        <f t="shared" si="42"/>
        <v>0</v>
      </c>
    </row>
    <row r="853" spans="1:6" x14ac:dyDescent="0.25">
      <c r="A853" s="24" t="s">
        <v>805</v>
      </c>
      <c r="B853" s="61" t="s">
        <v>72</v>
      </c>
      <c r="C853" s="38" t="s">
        <v>17</v>
      </c>
      <c r="D853" s="27"/>
      <c r="E853" s="44">
        <v>0.64990000000000003</v>
      </c>
      <c r="F853" s="29">
        <f t="shared" si="42"/>
        <v>0</v>
      </c>
    </row>
    <row r="854" spans="1:6" x14ac:dyDescent="0.25">
      <c r="A854" s="24" t="s">
        <v>806</v>
      </c>
      <c r="B854" s="61" t="s">
        <v>72</v>
      </c>
      <c r="C854" s="38" t="s">
        <v>17</v>
      </c>
      <c r="D854" s="27"/>
      <c r="E854" s="44">
        <v>0.50900000000000001</v>
      </c>
      <c r="F854" s="29">
        <f t="shared" si="42"/>
        <v>0</v>
      </c>
    </row>
    <row r="855" spans="1:6" x14ac:dyDescent="0.25">
      <c r="A855" s="24" t="s">
        <v>796</v>
      </c>
      <c r="B855" s="61" t="s">
        <v>72</v>
      </c>
      <c r="C855" s="38" t="s">
        <v>17</v>
      </c>
      <c r="D855" s="27"/>
      <c r="E855" s="44">
        <v>6.4899999999999999E-2</v>
      </c>
      <c r="F855" s="29">
        <f t="shared" si="42"/>
        <v>0</v>
      </c>
    </row>
    <row r="856" spans="1:6" x14ac:dyDescent="0.25">
      <c r="A856" s="57" t="s">
        <v>1219</v>
      </c>
      <c r="B856" s="62" t="s">
        <v>72</v>
      </c>
      <c r="C856" s="39" t="s">
        <v>16</v>
      </c>
      <c r="D856" s="31"/>
      <c r="E856" s="45">
        <v>0.3679</v>
      </c>
      <c r="F856" s="32">
        <f t="shared" si="42"/>
        <v>0</v>
      </c>
    </row>
    <row r="857" spans="1:6" x14ac:dyDescent="0.25">
      <c r="A857" s="24" t="s">
        <v>807</v>
      </c>
      <c r="B857" s="61" t="s">
        <v>72</v>
      </c>
      <c r="C857" s="38" t="s">
        <v>17</v>
      </c>
      <c r="D857" s="27"/>
      <c r="E857" s="44">
        <v>0.10489999999999999</v>
      </c>
      <c r="F857" s="29">
        <f t="shared" si="42"/>
        <v>0</v>
      </c>
    </row>
    <row r="858" spans="1:6" x14ac:dyDescent="0.25">
      <c r="A858" s="24" t="s">
        <v>797</v>
      </c>
      <c r="B858" s="61" t="s">
        <v>72</v>
      </c>
      <c r="C858" s="38" t="s">
        <v>17</v>
      </c>
      <c r="D858" s="27"/>
      <c r="E858" s="44">
        <v>0.90720000000000001</v>
      </c>
      <c r="F858" s="29">
        <f t="shared" si="42"/>
        <v>0</v>
      </c>
    </row>
    <row r="859" spans="1:6" x14ac:dyDescent="0.25">
      <c r="A859" s="24" t="s">
        <v>808</v>
      </c>
      <c r="B859" s="61" t="s">
        <v>72</v>
      </c>
      <c r="C859" s="38" t="s">
        <v>17</v>
      </c>
      <c r="D859" s="27"/>
      <c r="E859" s="44">
        <v>0.28889999999999999</v>
      </c>
      <c r="F859" s="29">
        <f t="shared" si="42"/>
        <v>0</v>
      </c>
    </row>
    <row r="860" spans="1:6" x14ac:dyDescent="0.25">
      <c r="A860" s="24" t="s">
        <v>798</v>
      </c>
      <c r="B860" s="61" t="s">
        <v>72</v>
      </c>
      <c r="C860" s="38" t="s">
        <v>702</v>
      </c>
      <c r="D860" s="27"/>
      <c r="E860" s="44">
        <v>0.91849999999999998</v>
      </c>
      <c r="F860" s="29">
        <f t="shared" si="42"/>
        <v>0</v>
      </c>
    </row>
    <row r="861" spans="1:6" x14ac:dyDescent="0.25">
      <c r="A861" s="24" t="s">
        <v>1220</v>
      </c>
      <c r="B861" s="61" t="s">
        <v>72</v>
      </c>
      <c r="C861" s="38" t="s">
        <v>20</v>
      </c>
      <c r="D861" s="27"/>
      <c r="E861" s="44">
        <v>1.8</v>
      </c>
      <c r="F861" s="29">
        <f t="shared" si="42"/>
        <v>0</v>
      </c>
    </row>
    <row r="862" spans="1:6" x14ac:dyDescent="0.25">
      <c r="A862" s="36" t="s">
        <v>158</v>
      </c>
      <c r="B862" s="61"/>
      <c r="C862" s="38"/>
      <c r="D862" s="27"/>
      <c r="E862" s="44"/>
      <c r="F862" s="29">
        <f t="shared" ref="F862:F882" si="43">SUM(D862*E862)</f>
        <v>0</v>
      </c>
    </row>
    <row r="863" spans="1:6" x14ac:dyDescent="0.25">
      <c r="A863" s="58" t="s">
        <v>73</v>
      </c>
      <c r="B863" s="61"/>
      <c r="C863" s="38"/>
      <c r="D863" s="27"/>
      <c r="E863" s="44"/>
      <c r="F863" s="29">
        <f t="shared" si="43"/>
        <v>0</v>
      </c>
    </row>
    <row r="864" spans="1:6" x14ac:dyDescent="0.25">
      <c r="A864" s="24" t="s">
        <v>1016</v>
      </c>
      <c r="B864" s="61" t="s">
        <v>74</v>
      </c>
      <c r="C864" s="38" t="s">
        <v>63</v>
      </c>
      <c r="D864" s="27"/>
      <c r="E864" s="44">
        <v>5</v>
      </c>
      <c r="F864" s="29">
        <f t="shared" si="43"/>
        <v>0</v>
      </c>
    </row>
    <row r="865" spans="1:6" x14ac:dyDescent="0.25">
      <c r="A865" s="36" t="s">
        <v>158</v>
      </c>
      <c r="B865" s="61"/>
      <c r="C865" s="38"/>
      <c r="D865" s="27"/>
      <c r="E865" s="44"/>
      <c r="F865" s="29">
        <f t="shared" si="43"/>
        <v>0</v>
      </c>
    </row>
    <row r="866" spans="1:6" x14ac:dyDescent="0.25">
      <c r="A866" s="53" t="s">
        <v>75</v>
      </c>
      <c r="B866" s="61"/>
      <c r="C866" s="38"/>
      <c r="D866" s="27"/>
      <c r="E866" s="44"/>
      <c r="F866" s="29">
        <f t="shared" si="43"/>
        <v>0</v>
      </c>
    </row>
    <row r="867" spans="1:6" x14ac:dyDescent="0.25">
      <c r="A867" s="24" t="s">
        <v>736</v>
      </c>
      <c r="B867" s="61" t="s">
        <v>76</v>
      </c>
      <c r="C867" s="38" t="s">
        <v>17</v>
      </c>
      <c r="D867" s="27"/>
      <c r="E867" s="44">
        <v>2.72</v>
      </c>
      <c r="F867" s="29">
        <f t="shared" ref="F867:F880" si="44">SUM(D867*E867)</f>
        <v>0</v>
      </c>
    </row>
    <row r="868" spans="1:6" x14ac:dyDescent="0.25">
      <c r="A868" s="24" t="s">
        <v>737</v>
      </c>
      <c r="B868" s="61" t="s">
        <v>76</v>
      </c>
      <c r="C868" s="38" t="s">
        <v>17</v>
      </c>
      <c r="D868" s="27"/>
      <c r="E868" s="44">
        <v>5.3760000000000003</v>
      </c>
      <c r="F868" s="29">
        <f t="shared" si="44"/>
        <v>0</v>
      </c>
    </row>
    <row r="869" spans="1:6" x14ac:dyDescent="0.25">
      <c r="A869" s="24" t="s">
        <v>355</v>
      </c>
      <c r="B869" s="61" t="s">
        <v>76</v>
      </c>
      <c r="C869" s="38" t="s">
        <v>17</v>
      </c>
      <c r="D869" s="27"/>
      <c r="E869" s="44">
        <v>0.42</v>
      </c>
      <c r="F869" s="29">
        <f t="shared" si="44"/>
        <v>0</v>
      </c>
    </row>
    <row r="870" spans="1:6" x14ac:dyDescent="0.25">
      <c r="A870" s="24" t="s">
        <v>738</v>
      </c>
      <c r="B870" s="61" t="s">
        <v>76</v>
      </c>
      <c r="C870" s="38" t="s">
        <v>17</v>
      </c>
      <c r="D870" s="27"/>
      <c r="E870" s="44">
        <v>1.097</v>
      </c>
      <c r="F870" s="29">
        <f t="shared" si="44"/>
        <v>0</v>
      </c>
    </row>
    <row r="871" spans="1:6" x14ac:dyDescent="0.25">
      <c r="A871" s="24" t="s">
        <v>744</v>
      </c>
      <c r="B871" s="61" t="s">
        <v>76</v>
      </c>
      <c r="C871" s="38" t="s">
        <v>17</v>
      </c>
      <c r="D871" s="27"/>
      <c r="E871" s="44">
        <v>1.2490000000000001</v>
      </c>
      <c r="F871" s="29">
        <f t="shared" si="44"/>
        <v>0</v>
      </c>
    </row>
    <row r="872" spans="1:6" x14ac:dyDescent="0.25">
      <c r="A872" s="24" t="s">
        <v>735</v>
      </c>
      <c r="B872" s="61" t="s">
        <v>76</v>
      </c>
      <c r="C872" s="38" t="s">
        <v>17</v>
      </c>
      <c r="D872" s="27"/>
      <c r="E872" s="44">
        <v>0.7</v>
      </c>
      <c r="F872" s="29">
        <f t="shared" si="44"/>
        <v>0</v>
      </c>
    </row>
    <row r="873" spans="1:6" x14ac:dyDescent="0.25">
      <c r="A873" s="24" t="s">
        <v>739</v>
      </c>
      <c r="B873" s="61" t="s">
        <v>76</v>
      </c>
      <c r="C873" s="38" t="s">
        <v>17</v>
      </c>
      <c r="D873" s="27"/>
      <c r="E873" s="44">
        <v>0.63</v>
      </c>
      <c r="F873" s="29">
        <f t="shared" si="44"/>
        <v>0</v>
      </c>
    </row>
    <row r="874" spans="1:6" x14ac:dyDescent="0.25">
      <c r="A874" s="24" t="s">
        <v>740</v>
      </c>
      <c r="B874" s="61" t="s">
        <v>76</v>
      </c>
      <c r="C874" s="38" t="s">
        <v>17</v>
      </c>
      <c r="D874" s="27"/>
      <c r="E874" s="44">
        <v>0.11</v>
      </c>
      <c r="F874" s="29">
        <f t="shared" si="44"/>
        <v>0</v>
      </c>
    </row>
    <row r="875" spans="1:6" x14ac:dyDescent="0.25">
      <c r="A875" s="24" t="s">
        <v>745</v>
      </c>
      <c r="B875" s="61" t="s">
        <v>76</v>
      </c>
      <c r="C875" s="38" t="s">
        <v>17</v>
      </c>
      <c r="D875" s="27"/>
      <c r="E875" s="44">
        <v>0.318</v>
      </c>
      <c r="F875" s="29">
        <f t="shared" si="44"/>
        <v>0</v>
      </c>
    </row>
    <row r="876" spans="1:6" x14ac:dyDescent="0.25">
      <c r="A876" s="24" t="s">
        <v>1221</v>
      </c>
      <c r="B876" s="61" t="s">
        <v>76</v>
      </c>
      <c r="C876" s="38" t="s">
        <v>17</v>
      </c>
      <c r="D876" s="27"/>
      <c r="E876" s="44">
        <v>1.69</v>
      </c>
      <c r="F876" s="29">
        <f t="shared" si="44"/>
        <v>0</v>
      </c>
    </row>
    <row r="877" spans="1:6" x14ac:dyDescent="0.25">
      <c r="A877" s="24" t="s">
        <v>741</v>
      </c>
      <c r="B877" s="61" t="s">
        <v>76</v>
      </c>
      <c r="C877" s="38" t="s">
        <v>5</v>
      </c>
      <c r="D877" s="27"/>
      <c r="E877" s="44">
        <v>3.46</v>
      </c>
      <c r="F877" s="29">
        <f t="shared" si="44"/>
        <v>0</v>
      </c>
    </row>
    <row r="878" spans="1:6" ht="24" x14ac:dyDescent="0.25">
      <c r="A878" s="24" t="s">
        <v>742</v>
      </c>
      <c r="B878" s="61" t="s">
        <v>76</v>
      </c>
      <c r="C878" s="38" t="s">
        <v>17</v>
      </c>
      <c r="D878" s="27"/>
      <c r="E878" s="44">
        <v>1.9</v>
      </c>
      <c r="F878" s="29">
        <f t="shared" si="44"/>
        <v>0</v>
      </c>
    </row>
    <row r="879" spans="1:6" x14ac:dyDescent="0.25">
      <c r="A879" s="24" t="s">
        <v>746</v>
      </c>
      <c r="B879" s="61" t="s">
        <v>76</v>
      </c>
      <c r="C879" s="38" t="s">
        <v>17</v>
      </c>
      <c r="D879" s="27"/>
      <c r="E879" s="44">
        <v>2.3940000000000001</v>
      </c>
      <c r="F879" s="29">
        <f t="shared" si="44"/>
        <v>0</v>
      </c>
    </row>
    <row r="880" spans="1:6" x14ac:dyDescent="0.25">
      <c r="A880" s="24" t="s">
        <v>743</v>
      </c>
      <c r="B880" s="61" t="s">
        <v>76</v>
      </c>
      <c r="C880" s="38" t="s">
        <v>17</v>
      </c>
      <c r="D880" s="27"/>
      <c r="E880" s="44">
        <v>0.94499999999999995</v>
      </c>
      <c r="F880" s="29">
        <f t="shared" si="44"/>
        <v>0</v>
      </c>
    </row>
    <row r="881" spans="1:6" x14ac:dyDescent="0.25">
      <c r="A881" s="36" t="s">
        <v>158</v>
      </c>
      <c r="B881" s="61"/>
      <c r="C881" s="38"/>
      <c r="D881" s="27"/>
      <c r="E881" s="44"/>
      <c r="F881" s="29">
        <f t="shared" si="43"/>
        <v>0</v>
      </c>
    </row>
    <row r="882" spans="1:6" x14ac:dyDescent="0.25">
      <c r="A882" s="58" t="s">
        <v>77</v>
      </c>
      <c r="B882" s="61"/>
      <c r="C882" s="38"/>
      <c r="D882" s="27"/>
      <c r="E882" s="44"/>
      <c r="F882" s="29">
        <f t="shared" si="43"/>
        <v>0</v>
      </c>
    </row>
    <row r="883" spans="1:6" x14ac:dyDescent="0.25">
      <c r="A883" s="24" t="s">
        <v>747</v>
      </c>
      <c r="B883" s="61" t="s">
        <v>78</v>
      </c>
      <c r="C883" s="38" t="s">
        <v>17</v>
      </c>
      <c r="D883" s="27"/>
      <c r="E883" s="44">
        <v>0.11</v>
      </c>
      <c r="F883" s="29">
        <f t="shared" ref="F883:F909" si="45">SUM(D883*E883)</f>
        <v>0</v>
      </c>
    </row>
    <row r="884" spans="1:6" x14ac:dyDescent="0.25">
      <c r="A884" s="24" t="s">
        <v>748</v>
      </c>
      <c r="B884" s="61" t="s">
        <v>78</v>
      </c>
      <c r="C884" s="38" t="s">
        <v>16</v>
      </c>
      <c r="D884" s="27"/>
      <c r="E884" s="44">
        <v>1.4</v>
      </c>
      <c r="F884" s="29">
        <f t="shared" si="45"/>
        <v>0</v>
      </c>
    </row>
    <row r="885" spans="1:6" x14ac:dyDescent="0.25">
      <c r="A885" s="24" t="s">
        <v>750</v>
      </c>
      <c r="B885" s="61" t="s">
        <v>78</v>
      </c>
      <c r="C885" s="38" t="s">
        <v>20</v>
      </c>
      <c r="D885" s="27"/>
      <c r="E885" s="44">
        <v>5.99</v>
      </c>
      <c r="F885" s="29">
        <f t="shared" si="45"/>
        <v>0</v>
      </c>
    </row>
    <row r="886" spans="1:6" x14ac:dyDescent="0.25">
      <c r="A886" s="24" t="s">
        <v>751</v>
      </c>
      <c r="B886" s="61" t="s">
        <v>78</v>
      </c>
      <c r="C886" s="38" t="s">
        <v>17</v>
      </c>
      <c r="D886" s="27"/>
      <c r="E886" s="44">
        <v>0.16</v>
      </c>
      <c r="F886" s="29">
        <f t="shared" si="45"/>
        <v>0</v>
      </c>
    </row>
    <row r="887" spans="1:6" x14ac:dyDescent="0.25">
      <c r="A887" s="24" t="s">
        <v>771</v>
      </c>
      <c r="B887" s="61" t="s">
        <v>78</v>
      </c>
      <c r="C887" s="38" t="s">
        <v>17</v>
      </c>
      <c r="D887" s="27"/>
      <c r="E887" s="44">
        <v>0.66</v>
      </c>
      <c r="F887" s="29">
        <f t="shared" si="45"/>
        <v>0</v>
      </c>
    </row>
    <row r="888" spans="1:6" x14ac:dyDescent="0.25">
      <c r="A888" s="24" t="s">
        <v>752</v>
      </c>
      <c r="B888" s="61" t="s">
        <v>78</v>
      </c>
      <c r="C888" s="38" t="s">
        <v>18</v>
      </c>
      <c r="D888" s="27"/>
      <c r="E888" s="44">
        <v>6.1</v>
      </c>
      <c r="F888" s="29">
        <f t="shared" si="45"/>
        <v>0</v>
      </c>
    </row>
    <row r="889" spans="1:6" x14ac:dyDescent="0.25">
      <c r="A889" s="24" t="s">
        <v>749</v>
      </c>
      <c r="B889" s="61" t="s">
        <v>78</v>
      </c>
      <c r="C889" s="38" t="s">
        <v>18</v>
      </c>
      <c r="D889" s="27"/>
      <c r="E889" s="44">
        <v>3.99</v>
      </c>
      <c r="F889" s="29">
        <f t="shared" si="45"/>
        <v>0</v>
      </c>
    </row>
    <row r="890" spans="1:6" x14ac:dyDescent="0.25">
      <c r="A890" s="24" t="s">
        <v>356</v>
      </c>
      <c r="B890" s="61" t="s">
        <v>78</v>
      </c>
      <c r="C890" s="38" t="s">
        <v>16</v>
      </c>
      <c r="D890" s="27"/>
      <c r="E890" s="44">
        <v>14.4</v>
      </c>
      <c r="F890" s="29">
        <f t="shared" si="45"/>
        <v>0</v>
      </c>
    </row>
    <row r="891" spans="1:6" ht="24" x14ac:dyDescent="0.25">
      <c r="A891" s="24" t="s">
        <v>753</v>
      </c>
      <c r="B891" s="61" t="s">
        <v>78</v>
      </c>
      <c r="C891" s="38" t="s">
        <v>20</v>
      </c>
      <c r="D891" s="27"/>
      <c r="E891" s="44">
        <v>19.079999999999998</v>
      </c>
      <c r="F891" s="29">
        <f t="shared" si="45"/>
        <v>0</v>
      </c>
    </row>
    <row r="892" spans="1:6" x14ac:dyDescent="0.25">
      <c r="A892" s="24" t="s">
        <v>754</v>
      </c>
      <c r="B892" s="61" t="s">
        <v>78</v>
      </c>
      <c r="C892" s="38" t="s">
        <v>17</v>
      </c>
      <c r="D892" s="27"/>
      <c r="E892" s="44">
        <v>0.4</v>
      </c>
      <c r="F892" s="29">
        <f t="shared" si="45"/>
        <v>0</v>
      </c>
    </row>
    <row r="893" spans="1:6" x14ac:dyDescent="0.25">
      <c r="A893" s="24" t="s">
        <v>755</v>
      </c>
      <c r="B893" s="61" t="s">
        <v>78</v>
      </c>
      <c r="C893" s="38" t="s">
        <v>17</v>
      </c>
      <c r="D893" s="27"/>
      <c r="E893" s="44">
        <v>7.1999999999999995E-2</v>
      </c>
      <c r="F893" s="29">
        <f t="shared" si="45"/>
        <v>0</v>
      </c>
    </row>
    <row r="894" spans="1:6" x14ac:dyDescent="0.25">
      <c r="A894" s="24" t="s">
        <v>756</v>
      </c>
      <c r="B894" s="61" t="s">
        <v>78</v>
      </c>
      <c r="C894" s="38" t="s">
        <v>16</v>
      </c>
      <c r="D894" s="27"/>
      <c r="E894" s="44">
        <v>3.87</v>
      </c>
      <c r="F894" s="29">
        <f t="shared" si="45"/>
        <v>0</v>
      </c>
    </row>
    <row r="895" spans="1:6" x14ac:dyDescent="0.25">
      <c r="A895" s="24" t="s">
        <v>757</v>
      </c>
      <c r="B895" s="61" t="s">
        <v>78</v>
      </c>
      <c r="C895" s="38" t="s">
        <v>16</v>
      </c>
      <c r="D895" s="27"/>
      <c r="E895" s="44">
        <v>2.1</v>
      </c>
      <c r="F895" s="29">
        <f t="shared" si="45"/>
        <v>0</v>
      </c>
    </row>
    <row r="896" spans="1:6" x14ac:dyDescent="0.25">
      <c r="A896" s="24" t="s">
        <v>772</v>
      </c>
      <c r="B896" s="61" t="s">
        <v>78</v>
      </c>
      <c r="C896" s="38" t="s">
        <v>17</v>
      </c>
      <c r="D896" s="27"/>
      <c r="E896" s="44">
        <v>0.89900000000000002</v>
      </c>
      <c r="F896" s="29">
        <f t="shared" si="45"/>
        <v>0</v>
      </c>
    </row>
    <row r="897" spans="1:6" x14ac:dyDescent="0.25">
      <c r="A897" s="24" t="s">
        <v>758</v>
      </c>
      <c r="B897" s="61" t="s">
        <v>78</v>
      </c>
      <c r="C897" s="38" t="s">
        <v>25</v>
      </c>
      <c r="D897" s="27"/>
      <c r="E897" s="44">
        <v>57.6</v>
      </c>
      <c r="F897" s="29">
        <f t="shared" si="45"/>
        <v>0</v>
      </c>
    </row>
    <row r="898" spans="1:6" x14ac:dyDescent="0.25">
      <c r="A898" s="24" t="s">
        <v>759</v>
      </c>
      <c r="B898" s="61" t="s">
        <v>78</v>
      </c>
      <c r="C898" s="38" t="s">
        <v>17</v>
      </c>
      <c r="D898" s="27"/>
      <c r="E898" s="44">
        <v>0.65</v>
      </c>
      <c r="F898" s="29">
        <f t="shared" si="45"/>
        <v>0</v>
      </c>
    </row>
    <row r="899" spans="1:6" x14ac:dyDescent="0.25">
      <c r="A899" s="24" t="s">
        <v>760</v>
      </c>
      <c r="B899" s="61" t="s">
        <v>78</v>
      </c>
      <c r="C899" s="38" t="s">
        <v>17</v>
      </c>
      <c r="D899" s="27"/>
      <c r="E899" s="44">
        <v>1.95</v>
      </c>
      <c r="F899" s="29">
        <f t="shared" si="45"/>
        <v>0</v>
      </c>
    </row>
    <row r="900" spans="1:6" x14ac:dyDescent="0.25">
      <c r="A900" s="24" t="s">
        <v>761</v>
      </c>
      <c r="B900" s="61" t="s">
        <v>78</v>
      </c>
      <c r="C900" s="38" t="s">
        <v>17</v>
      </c>
      <c r="D900" s="27"/>
      <c r="E900" s="44">
        <v>1.4E-2</v>
      </c>
      <c r="F900" s="29">
        <f t="shared" si="45"/>
        <v>0</v>
      </c>
    </row>
    <row r="901" spans="1:6" x14ac:dyDescent="0.25">
      <c r="A901" s="24" t="s">
        <v>762</v>
      </c>
      <c r="B901" s="61" t="s">
        <v>78</v>
      </c>
      <c r="C901" s="38" t="s">
        <v>5</v>
      </c>
      <c r="D901" s="27"/>
      <c r="E901" s="44">
        <v>3.8</v>
      </c>
      <c r="F901" s="29">
        <f t="shared" si="45"/>
        <v>0</v>
      </c>
    </row>
    <row r="902" spans="1:6" x14ac:dyDescent="0.25">
      <c r="A902" s="24" t="s">
        <v>763</v>
      </c>
      <c r="B902" s="61" t="s">
        <v>78</v>
      </c>
      <c r="C902" s="38" t="s">
        <v>17</v>
      </c>
      <c r="D902" s="27"/>
      <c r="E902" s="44">
        <v>0.69</v>
      </c>
      <c r="F902" s="29">
        <f t="shared" si="45"/>
        <v>0</v>
      </c>
    </row>
    <row r="903" spans="1:6" x14ac:dyDescent="0.25">
      <c r="A903" s="24" t="s">
        <v>764</v>
      </c>
      <c r="B903" s="61" t="s">
        <v>78</v>
      </c>
      <c r="C903" s="38" t="s">
        <v>17</v>
      </c>
      <c r="D903" s="27"/>
      <c r="E903" s="44">
        <v>0.75</v>
      </c>
      <c r="F903" s="29">
        <f t="shared" si="45"/>
        <v>0</v>
      </c>
    </row>
    <row r="904" spans="1:6" x14ac:dyDescent="0.25">
      <c r="A904" s="24" t="s">
        <v>765</v>
      </c>
      <c r="B904" s="61" t="s">
        <v>78</v>
      </c>
      <c r="C904" s="38" t="s">
        <v>20</v>
      </c>
      <c r="D904" s="27"/>
      <c r="E904" s="44">
        <v>3.69</v>
      </c>
      <c r="F904" s="29">
        <f t="shared" si="45"/>
        <v>0</v>
      </c>
    </row>
    <row r="905" spans="1:6" x14ac:dyDescent="0.25">
      <c r="A905" s="24" t="s">
        <v>766</v>
      </c>
      <c r="B905" s="61" t="s">
        <v>78</v>
      </c>
      <c r="C905" s="38" t="s">
        <v>5</v>
      </c>
      <c r="D905" s="27"/>
      <c r="E905" s="44">
        <v>0.64</v>
      </c>
      <c r="F905" s="29">
        <f t="shared" si="45"/>
        <v>0</v>
      </c>
    </row>
    <row r="906" spans="1:6" x14ac:dyDescent="0.25">
      <c r="A906" s="24" t="s">
        <v>767</v>
      </c>
      <c r="B906" s="61" t="s">
        <v>78</v>
      </c>
      <c r="C906" s="38" t="s">
        <v>5</v>
      </c>
      <c r="D906" s="27"/>
      <c r="E906" s="44">
        <v>0.65</v>
      </c>
      <c r="F906" s="29">
        <f t="shared" si="45"/>
        <v>0</v>
      </c>
    </row>
    <row r="907" spans="1:6" x14ac:dyDescent="0.25">
      <c r="A907" s="24" t="s">
        <v>768</v>
      </c>
      <c r="B907" s="61" t="s">
        <v>78</v>
      </c>
      <c r="C907" s="38" t="s">
        <v>20</v>
      </c>
      <c r="D907" s="27"/>
      <c r="E907" s="44">
        <v>8.9</v>
      </c>
      <c r="F907" s="29">
        <f t="shared" si="45"/>
        <v>0</v>
      </c>
    </row>
    <row r="908" spans="1:6" x14ac:dyDescent="0.25">
      <c r="A908" s="24" t="s">
        <v>769</v>
      </c>
      <c r="B908" s="61" t="s">
        <v>78</v>
      </c>
      <c r="C908" s="38" t="s">
        <v>16</v>
      </c>
      <c r="D908" s="27"/>
      <c r="E908" s="44">
        <v>6.4</v>
      </c>
      <c r="F908" s="29">
        <f t="shared" si="45"/>
        <v>0</v>
      </c>
    </row>
    <row r="909" spans="1:6" ht="24" x14ac:dyDescent="0.25">
      <c r="A909" s="24" t="s">
        <v>770</v>
      </c>
      <c r="B909" s="61" t="s">
        <v>78</v>
      </c>
      <c r="C909" s="38" t="s">
        <v>20</v>
      </c>
      <c r="D909" s="27"/>
      <c r="E909" s="44">
        <v>7.62</v>
      </c>
      <c r="F909" s="29">
        <f t="shared" si="45"/>
        <v>0</v>
      </c>
    </row>
    <row r="910" spans="1:6" x14ac:dyDescent="0.25">
      <c r="A910" s="24" t="s">
        <v>158</v>
      </c>
      <c r="B910" s="61"/>
      <c r="C910" s="38"/>
      <c r="D910" s="27"/>
      <c r="E910" s="44"/>
      <c r="F910" s="29">
        <f t="shared" ref="F910:F972" si="46">SUM(D910*E910)</f>
        <v>0</v>
      </c>
    </row>
    <row r="911" spans="1:6" x14ac:dyDescent="0.25">
      <c r="A911" s="58" t="s">
        <v>79</v>
      </c>
      <c r="B911" s="61"/>
      <c r="C911" s="38"/>
      <c r="D911" s="27"/>
      <c r="E911" s="44"/>
      <c r="F911" s="29">
        <f t="shared" si="46"/>
        <v>0</v>
      </c>
    </row>
    <row r="912" spans="1:6" x14ac:dyDescent="0.25">
      <c r="A912" s="36" t="s">
        <v>1245</v>
      </c>
      <c r="B912" s="61" t="s">
        <v>80</v>
      </c>
      <c r="C912" s="38" t="s">
        <v>20</v>
      </c>
      <c r="D912" s="27"/>
      <c r="E912" s="44">
        <v>23.6</v>
      </c>
      <c r="F912" s="29">
        <f t="shared" si="46"/>
        <v>0</v>
      </c>
    </row>
    <row r="913" spans="1:6" x14ac:dyDescent="0.25">
      <c r="A913" s="36" t="s">
        <v>158</v>
      </c>
      <c r="B913" s="61"/>
      <c r="C913" s="38"/>
      <c r="D913" s="27"/>
      <c r="E913" s="44"/>
      <c r="F913" s="29">
        <f t="shared" si="46"/>
        <v>0</v>
      </c>
    </row>
    <row r="914" spans="1:6" x14ac:dyDescent="0.25">
      <c r="A914" s="53" t="s">
        <v>81</v>
      </c>
      <c r="B914" s="61"/>
      <c r="C914" s="38"/>
      <c r="D914" s="27"/>
      <c r="E914" s="44"/>
      <c r="F914" s="29">
        <f t="shared" si="46"/>
        <v>0</v>
      </c>
    </row>
    <row r="915" spans="1:6" s="1" customFormat="1" x14ac:dyDescent="0.25">
      <c r="A915" s="54" t="s">
        <v>1222</v>
      </c>
      <c r="B915" s="61" t="s">
        <v>82</v>
      </c>
      <c r="C915" s="38" t="s">
        <v>5</v>
      </c>
      <c r="D915" s="27"/>
      <c r="E915" s="44">
        <v>4.99</v>
      </c>
      <c r="F915" s="29"/>
    </row>
    <row r="916" spans="1:6" x14ac:dyDescent="0.25">
      <c r="A916" s="36" t="s">
        <v>357</v>
      </c>
      <c r="B916" s="61" t="s">
        <v>82</v>
      </c>
      <c r="C916" s="38" t="s">
        <v>83</v>
      </c>
      <c r="D916" s="27"/>
      <c r="E916" s="44">
        <v>1.7</v>
      </c>
      <c r="F916" s="29">
        <f t="shared" si="46"/>
        <v>0</v>
      </c>
    </row>
    <row r="917" spans="1:6" x14ac:dyDescent="0.25">
      <c r="A917" s="36" t="s">
        <v>158</v>
      </c>
      <c r="B917" s="61"/>
      <c r="C917" s="38"/>
      <c r="D917" s="27"/>
      <c r="E917" s="44"/>
      <c r="F917" s="29">
        <f t="shared" si="46"/>
        <v>0</v>
      </c>
    </row>
    <row r="918" spans="1:6" x14ac:dyDescent="0.25">
      <c r="A918" s="53" t="s">
        <v>84</v>
      </c>
      <c r="B918" s="61"/>
      <c r="C918" s="38"/>
      <c r="D918" s="27"/>
      <c r="E918" s="44"/>
      <c r="F918" s="29">
        <f t="shared" si="46"/>
        <v>0</v>
      </c>
    </row>
    <row r="919" spans="1:6" x14ac:dyDescent="0.25">
      <c r="A919" s="24" t="s">
        <v>599</v>
      </c>
      <c r="B919" s="61" t="s">
        <v>85</v>
      </c>
      <c r="C919" s="38" t="s">
        <v>18</v>
      </c>
      <c r="D919" s="27"/>
      <c r="E919" s="44">
        <v>2.25</v>
      </c>
      <c r="F919" s="29">
        <f>SUM(D919*E919)</f>
        <v>0</v>
      </c>
    </row>
    <row r="920" spans="1:6" s="1" customFormat="1" x14ac:dyDescent="0.25">
      <c r="A920" s="24" t="s">
        <v>1223</v>
      </c>
      <c r="B920" s="61" t="s">
        <v>85</v>
      </c>
      <c r="C920" s="38" t="s">
        <v>18</v>
      </c>
      <c r="D920" s="27"/>
      <c r="E920" s="44">
        <v>3.45</v>
      </c>
      <c r="F920" s="29"/>
    </row>
    <row r="921" spans="1:6" x14ac:dyDescent="0.25">
      <c r="A921" s="24" t="s">
        <v>600</v>
      </c>
      <c r="B921" s="61" t="s">
        <v>85</v>
      </c>
      <c r="C921" s="38" t="s">
        <v>18</v>
      </c>
      <c r="D921" s="27"/>
      <c r="E921" s="44">
        <v>4.3</v>
      </c>
      <c r="F921" s="29">
        <f t="shared" ref="F921:F952" si="47">SUM(D921*E921)</f>
        <v>0</v>
      </c>
    </row>
    <row r="922" spans="1:6" x14ac:dyDescent="0.25">
      <c r="A922" s="24" t="s">
        <v>358</v>
      </c>
      <c r="B922" s="61" t="s">
        <v>85</v>
      </c>
      <c r="C922" s="38" t="s">
        <v>25</v>
      </c>
      <c r="D922" s="27"/>
      <c r="E922" s="44">
        <v>10</v>
      </c>
      <c r="F922" s="29">
        <f t="shared" si="47"/>
        <v>0</v>
      </c>
    </row>
    <row r="923" spans="1:6" x14ac:dyDescent="0.25">
      <c r="A923" s="24" t="s">
        <v>359</v>
      </c>
      <c r="B923" s="61" t="s">
        <v>85</v>
      </c>
      <c r="C923" s="38" t="s">
        <v>25</v>
      </c>
      <c r="D923" s="27"/>
      <c r="E923" s="44">
        <v>5.6</v>
      </c>
      <c r="F923" s="29">
        <f t="shared" si="47"/>
        <v>0</v>
      </c>
    </row>
    <row r="924" spans="1:6" x14ac:dyDescent="0.25">
      <c r="A924" s="24" t="s">
        <v>360</v>
      </c>
      <c r="B924" s="61" t="s">
        <v>85</v>
      </c>
      <c r="C924" s="38" t="s">
        <v>25</v>
      </c>
      <c r="D924" s="27"/>
      <c r="E924" s="44">
        <v>6</v>
      </c>
      <c r="F924" s="29">
        <f t="shared" si="47"/>
        <v>0</v>
      </c>
    </row>
    <row r="925" spans="1:6" x14ac:dyDescent="0.25">
      <c r="A925" s="24" t="s">
        <v>361</v>
      </c>
      <c r="B925" s="61" t="s">
        <v>85</v>
      </c>
      <c r="C925" s="38" t="s">
        <v>25</v>
      </c>
      <c r="D925" s="27"/>
      <c r="E925" s="44">
        <v>6</v>
      </c>
      <c r="F925" s="29">
        <f t="shared" si="47"/>
        <v>0</v>
      </c>
    </row>
    <row r="926" spans="1:6" x14ac:dyDescent="0.25">
      <c r="A926" s="24" t="s">
        <v>362</v>
      </c>
      <c r="B926" s="61" t="s">
        <v>85</v>
      </c>
      <c r="C926" s="38" t="s">
        <v>25</v>
      </c>
      <c r="D926" s="27"/>
      <c r="E926" s="44">
        <v>6.05</v>
      </c>
      <c r="F926" s="29">
        <f t="shared" si="47"/>
        <v>0</v>
      </c>
    </row>
    <row r="927" spans="1:6" x14ac:dyDescent="0.25">
      <c r="A927" s="24" t="s">
        <v>363</v>
      </c>
      <c r="B927" s="61" t="s">
        <v>85</v>
      </c>
      <c r="C927" s="38" t="s">
        <v>25</v>
      </c>
      <c r="D927" s="27"/>
      <c r="E927" s="44">
        <v>5.9</v>
      </c>
      <c r="F927" s="29">
        <f t="shared" si="47"/>
        <v>0</v>
      </c>
    </row>
    <row r="928" spans="1:6" x14ac:dyDescent="0.25">
      <c r="A928" s="24" t="s">
        <v>1224</v>
      </c>
      <c r="B928" s="61" t="s">
        <v>85</v>
      </c>
      <c r="C928" s="38" t="s">
        <v>17</v>
      </c>
      <c r="D928" s="27"/>
      <c r="E928" s="44">
        <v>0.62</v>
      </c>
      <c r="F928" s="29">
        <f t="shared" si="47"/>
        <v>0</v>
      </c>
    </row>
    <row r="929" spans="1:6" x14ac:dyDescent="0.25">
      <c r="A929" s="24" t="s">
        <v>601</v>
      </c>
      <c r="B929" s="61" t="s">
        <v>85</v>
      </c>
      <c r="C929" s="38" t="s">
        <v>5</v>
      </c>
      <c r="D929" s="27"/>
      <c r="E929" s="44">
        <v>1.65</v>
      </c>
      <c r="F929" s="29">
        <f t="shared" si="47"/>
        <v>0</v>
      </c>
    </row>
    <row r="930" spans="1:6" x14ac:dyDescent="0.25">
      <c r="A930" s="24" t="s">
        <v>609</v>
      </c>
      <c r="B930" s="61" t="s">
        <v>85</v>
      </c>
      <c r="C930" s="38" t="s">
        <v>16</v>
      </c>
      <c r="D930" s="27"/>
      <c r="E930" s="44">
        <v>5.58</v>
      </c>
      <c r="F930" s="29">
        <f t="shared" si="47"/>
        <v>0</v>
      </c>
    </row>
    <row r="931" spans="1:6" x14ac:dyDescent="0.25">
      <c r="A931" s="24" t="s">
        <v>367</v>
      </c>
      <c r="B931" s="61" t="s">
        <v>85</v>
      </c>
      <c r="C931" s="38" t="s">
        <v>20</v>
      </c>
      <c r="D931" s="27"/>
      <c r="E931" s="44">
        <v>1.5</v>
      </c>
      <c r="F931" s="29">
        <f t="shared" si="47"/>
        <v>0</v>
      </c>
    </row>
    <row r="932" spans="1:6" x14ac:dyDescent="0.25">
      <c r="A932" s="24" t="s">
        <v>610</v>
      </c>
      <c r="B932" s="61" t="s">
        <v>85</v>
      </c>
      <c r="C932" s="38" t="s">
        <v>17</v>
      </c>
      <c r="D932" s="27"/>
      <c r="E932" s="44">
        <v>0.215</v>
      </c>
      <c r="F932" s="29">
        <f t="shared" si="47"/>
        <v>0</v>
      </c>
    </row>
    <row r="933" spans="1:6" x14ac:dyDescent="0.25">
      <c r="A933" s="24" t="s">
        <v>611</v>
      </c>
      <c r="B933" s="61" t="s">
        <v>85</v>
      </c>
      <c r="C933" s="38" t="s">
        <v>17</v>
      </c>
      <c r="D933" s="27"/>
      <c r="E933" s="44">
        <v>0.1726</v>
      </c>
      <c r="F933" s="29">
        <f t="shared" si="47"/>
        <v>0</v>
      </c>
    </row>
    <row r="934" spans="1:6" x14ac:dyDescent="0.25">
      <c r="A934" s="24" t="s">
        <v>612</v>
      </c>
      <c r="B934" s="61" t="s">
        <v>85</v>
      </c>
      <c r="C934" s="38" t="s">
        <v>17</v>
      </c>
      <c r="D934" s="27"/>
      <c r="E934" s="44">
        <v>0.215</v>
      </c>
      <c r="F934" s="29">
        <f t="shared" si="47"/>
        <v>0</v>
      </c>
    </row>
    <row r="935" spans="1:6" x14ac:dyDescent="0.25">
      <c r="A935" s="24" t="s">
        <v>613</v>
      </c>
      <c r="B935" s="61" t="s">
        <v>85</v>
      </c>
      <c r="C935" s="38" t="s">
        <v>17</v>
      </c>
      <c r="D935" s="27"/>
      <c r="E935" s="44">
        <v>0.2666</v>
      </c>
      <c r="F935" s="29">
        <f t="shared" si="47"/>
        <v>0</v>
      </c>
    </row>
    <row r="936" spans="1:6" x14ac:dyDescent="0.25">
      <c r="A936" s="36" t="s">
        <v>630</v>
      </c>
      <c r="B936" s="61" t="s">
        <v>85</v>
      </c>
      <c r="C936" s="38" t="s">
        <v>16</v>
      </c>
      <c r="D936" s="27"/>
      <c r="E936" s="44">
        <v>0.23</v>
      </c>
      <c r="F936" s="29">
        <f t="shared" si="47"/>
        <v>0</v>
      </c>
    </row>
    <row r="937" spans="1:6" x14ac:dyDescent="0.25">
      <c r="A937" s="24" t="s">
        <v>629</v>
      </c>
      <c r="B937" s="61" t="s">
        <v>85</v>
      </c>
      <c r="C937" s="38" t="s">
        <v>16</v>
      </c>
      <c r="D937" s="27"/>
      <c r="E937" s="44">
        <v>0.2</v>
      </c>
      <c r="F937" s="29">
        <f t="shared" si="47"/>
        <v>0</v>
      </c>
    </row>
    <row r="938" spans="1:6" x14ac:dyDescent="0.25">
      <c r="A938" s="24" t="s">
        <v>368</v>
      </c>
      <c r="B938" s="61" t="s">
        <v>85</v>
      </c>
      <c r="C938" s="38" t="s">
        <v>18</v>
      </c>
      <c r="D938" s="27"/>
      <c r="E938" s="44">
        <v>0.62</v>
      </c>
      <c r="F938" s="29">
        <f t="shared" si="47"/>
        <v>0</v>
      </c>
    </row>
    <row r="939" spans="1:6" x14ac:dyDescent="0.25">
      <c r="A939" s="24" t="s">
        <v>614</v>
      </c>
      <c r="B939" s="61" t="s">
        <v>85</v>
      </c>
      <c r="C939" s="38" t="s">
        <v>17</v>
      </c>
      <c r="D939" s="27"/>
      <c r="E939" s="44">
        <v>1.5</v>
      </c>
      <c r="F939" s="29">
        <f t="shared" si="47"/>
        <v>0</v>
      </c>
    </row>
    <row r="940" spans="1:6" x14ac:dyDescent="0.25">
      <c r="A940" s="24" t="s">
        <v>615</v>
      </c>
      <c r="B940" s="61" t="s">
        <v>85</v>
      </c>
      <c r="C940" s="38" t="s">
        <v>16</v>
      </c>
      <c r="D940" s="27"/>
      <c r="E940" s="44">
        <v>0.42799999999999999</v>
      </c>
      <c r="F940" s="29">
        <f t="shared" si="47"/>
        <v>0</v>
      </c>
    </row>
    <row r="941" spans="1:6" x14ac:dyDescent="0.25">
      <c r="A941" s="24" t="s">
        <v>616</v>
      </c>
      <c r="B941" s="61" t="s">
        <v>85</v>
      </c>
      <c r="C941" s="38" t="s">
        <v>20</v>
      </c>
      <c r="D941" s="27"/>
      <c r="E941" s="44">
        <v>2.95</v>
      </c>
      <c r="F941" s="29">
        <f t="shared" si="47"/>
        <v>0</v>
      </c>
    </row>
    <row r="942" spans="1:6" x14ac:dyDescent="0.25">
      <c r="A942" s="24" t="s">
        <v>633</v>
      </c>
      <c r="B942" s="61" t="s">
        <v>85</v>
      </c>
      <c r="C942" s="38" t="s">
        <v>17</v>
      </c>
      <c r="D942" s="27"/>
      <c r="E942" s="44">
        <v>0.17899999999999999</v>
      </c>
      <c r="F942" s="29">
        <f t="shared" si="47"/>
        <v>0</v>
      </c>
    </row>
    <row r="943" spans="1:6" x14ac:dyDescent="0.25">
      <c r="A943" s="24" t="s">
        <v>602</v>
      </c>
      <c r="B943" s="61" t="s">
        <v>85</v>
      </c>
      <c r="C943" s="38" t="s">
        <v>18</v>
      </c>
      <c r="D943" s="27"/>
      <c r="E943" s="44">
        <v>5.4</v>
      </c>
      <c r="F943" s="29">
        <f t="shared" si="47"/>
        <v>0</v>
      </c>
    </row>
    <row r="944" spans="1:6" x14ac:dyDescent="0.25">
      <c r="A944" s="24" t="s">
        <v>603</v>
      </c>
      <c r="B944" s="61" t="s">
        <v>85</v>
      </c>
      <c r="C944" s="38" t="s">
        <v>18</v>
      </c>
      <c r="D944" s="27"/>
      <c r="E944" s="44">
        <v>3.45</v>
      </c>
      <c r="F944" s="29">
        <f t="shared" si="47"/>
        <v>0</v>
      </c>
    </row>
    <row r="945" spans="1:6" x14ac:dyDescent="0.25">
      <c r="A945" s="24" t="s">
        <v>369</v>
      </c>
      <c r="B945" s="61" t="s">
        <v>85</v>
      </c>
      <c r="C945" s="38" t="s">
        <v>16</v>
      </c>
      <c r="D945" s="27"/>
      <c r="E945" s="44">
        <v>0.2</v>
      </c>
      <c r="F945" s="29">
        <f t="shared" si="47"/>
        <v>0</v>
      </c>
    </row>
    <row r="946" spans="1:6" x14ac:dyDescent="0.25">
      <c r="A946" s="24" t="s">
        <v>634</v>
      </c>
      <c r="B946" s="61" t="s">
        <v>85</v>
      </c>
      <c r="C946" s="38" t="s">
        <v>17</v>
      </c>
      <c r="D946" s="27"/>
      <c r="E946" s="44">
        <v>1.3998999999999999</v>
      </c>
      <c r="F946" s="29">
        <f t="shared" si="47"/>
        <v>0</v>
      </c>
    </row>
    <row r="947" spans="1:6" x14ac:dyDescent="0.25">
      <c r="A947" s="24" t="s">
        <v>617</v>
      </c>
      <c r="B947" s="61" t="s">
        <v>85</v>
      </c>
      <c r="C947" s="38" t="s">
        <v>17</v>
      </c>
      <c r="D947" s="27"/>
      <c r="E947" s="44">
        <v>2.8660000000000001</v>
      </c>
      <c r="F947" s="29">
        <f t="shared" si="47"/>
        <v>0</v>
      </c>
    </row>
    <row r="948" spans="1:6" x14ac:dyDescent="0.25">
      <c r="A948" s="24" t="s">
        <v>364</v>
      </c>
      <c r="B948" s="61" t="s">
        <v>85</v>
      </c>
      <c r="C948" s="38" t="s">
        <v>53</v>
      </c>
      <c r="D948" s="27"/>
      <c r="E948" s="44">
        <v>0.89900000000000002</v>
      </c>
      <c r="F948" s="29">
        <f t="shared" si="47"/>
        <v>0</v>
      </c>
    </row>
    <row r="949" spans="1:6" x14ac:dyDescent="0.25">
      <c r="A949" s="24" t="s">
        <v>365</v>
      </c>
      <c r="B949" s="61" t="s">
        <v>85</v>
      </c>
      <c r="C949" s="38" t="s">
        <v>53</v>
      </c>
      <c r="D949" s="27"/>
      <c r="E949" s="44">
        <v>0.89900000000000002</v>
      </c>
      <c r="F949" s="29">
        <f t="shared" si="47"/>
        <v>0</v>
      </c>
    </row>
    <row r="950" spans="1:6" x14ac:dyDescent="0.25">
      <c r="A950" s="24" t="s">
        <v>618</v>
      </c>
      <c r="B950" s="61" t="s">
        <v>85</v>
      </c>
      <c r="C950" s="38" t="s">
        <v>17</v>
      </c>
      <c r="D950" s="27"/>
      <c r="E950" s="44">
        <v>4.4999999999999998E-2</v>
      </c>
      <c r="F950" s="29">
        <f t="shared" si="47"/>
        <v>0</v>
      </c>
    </row>
    <row r="951" spans="1:6" x14ac:dyDescent="0.25">
      <c r="A951" s="24" t="s">
        <v>619</v>
      </c>
      <c r="B951" s="61" t="s">
        <v>85</v>
      </c>
      <c r="C951" s="38" t="s">
        <v>18</v>
      </c>
      <c r="D951" s="27"/>
      <c r="E951" s="44">
        <v>0.98499999999999999</v>
      </c>
      <c r="F951" s="29">
        <f t="shared" si="47"/>
        <v>0</v>
      </c>
    </row>
    <row r="952" spans="1:6" x14ac:dyDescent="0.25">
      <c r="A952" s="24" t="s">
        <v>620</v>
      </c>
      <c r="B952" s="61" t="s">
        <v>85</v>
      </c>
      <c r="C952" s="38" t="s">
        <v>17</v>
      </c>
      <c r="D952" s="27"/>
      <c r="E952" s="44">
        <v>0.65</v>
      </c>
      <c r="F952" s="29">
        <f t="shared" si="47"/>
        <v>0</v>
      </c>
    </row>
    <row r="953" spans="1:6" x14ac:dyDescent="0.25">
      <c r="A953" s="24" t="s">
        <v>621</v>
      </c>
      <c r="B953" s="61" t="s">
        <v>85</v>
      </c>
      <c r="C953" s="38" t="s">
        <v>17</v>
      </c>
      <c r="D953" s="27"/>
      <c r="E953" s="44">
        <v>0.747</v>
      </c>
      <c r="F953" s="29">
        <f t="shared" ref="F953:F971" si="48">SUM(D953*E953)</f>
        <v>0</v>
      </c>
    </row>
    <row r="954" spans="1:6" x14ac:dyDescent="0.25">
      <c r="A954" s="24" t="s">
        <v>622</v>
      </c>
      <c r="B954" s="61" t="s">
        <v>85</v>
      </c>
      <c r="C954" s="38" t="s">
        <v>17</v>
      </c>
      <c r="D954" s="27"/>
      <c r="E954" s="44">
        <v>0.59599999999999997</v>
      </c>
      <c r="F954" s="29">
        <f t="shared" si="48"/>
        <v>0</v>
      </c>
    </row>
    <row r="955" spans="1:6" x14ac:dyDescent="0.25">
      <c r="A955" s="24" t="s">
        <v>623</v>
      </c>
      <c r="B955" s="61" t="s">
        <v>85</v>
      </c>
      <c r="C955" s="38" t="s">
        <v>17</v>
      </c>
      <c r="D955" s="27"/>
      <c r="E955" s="44">
        <v>0.36299999999999999</v>
      </c>
      <c r="F955" s="29">
        <f t="shared" si="48"/>
        <v>0</v>
      </c>
    </row>
    <row r="956" spans="1:6" x14ac:dyDescent="0.25">
      <c r="A956" s="24" t="s">
        <v>624</v>
      </c>
      <c r="B956" s="61" t="s">
        <v>85</v>
      </c>
      <c r="C956" s="38" t="s">
        <v>17</v>
      </c>
      <c r="D956" s="27"/>
      <c r="E956" s="44">
        <v>0.85880000000000001</v>
      </c>
      <c r="F956" s="29">
        <f t="shared" si="48"/>
        <v>0</v>
      </c>
    </row>
    <row r="957" spans="1:6" x14ac:dyDescent="0.25">
      <c r="A957" s="24" t="s">
        <v>625</v>
      </c>
      <c r="B957" s="61" t="s">
        <v>85</v>
      </c>
      <c r="C957" s="38" t="s">
        <v>17</v>
      </c>
      <c r="D957" s="27"/>
      <c r="E957" s="44">
        <v>0.5</v>
      </c>
      <c r="F957" s="29">
        <f t="shared" si="48"/>
        <v>0</v>
      </c>
    </row>
    <row r="958" spans="1:6" x14ac:dyDescent="0.25">
      <c r="A958" s="24" t="s">
        <v>626</v>
      </c>
      <c r="B958" s="61" t="s">
        <v>85</v>
      </c>
      <c r="C958" s="38" t="s">
        <v>17</v>
      </c>
      <c r="D958" s="27"/>
      <c r="E958" s="44">
        <v>1.24</v>
      </c>
      <c r="F958" s="29">
        <f t="shared" si="48"/>
        <v>0</v>
      </c>
    </row>
    <row r="959" spans="1:6" x14ac:dyDescent="0.25">
      <c r="A959" s="24" t="s">
        <v>366</v>
      </c>
      <c r="B959" s="61" t="s">
        <v>85</v>
      </c>
      <c r="C959" s="38" t="s">
        <v>5</v>
      </c>
      <c r="D959" s="27"/>
      <c r="E959" s="44">
        <v>0.21990000000000001</v>
      </c>
      <c r="F959" s="29">
        <f t="shared" si="48"/>
        <v>0</v>
      </c>
    </row>
    <row r="960" spans="1:6" x14ac:dyDescent="0.25">
      <c r="A960" s="24" t="s">
        <v>1259</v>
      </c>
      <c r="B960" s="61" t="s">
        <v>85</v>
      </c>
      <c r="C960" s="38" t="s">
        <v>5</v>
      </c>
      <c r="D960" s="27"/>
      <c r="E960" s="44">
        <v>0.34499999999999997</v>
      </c>
      <c r="F960" s="29">
        <f t="shared" si="48"/>
        <v>0</v>
      </c>
    </row>
    <row r="961" spans="1:6" x14ac:dyDescent="0.25">
      <c r="A961" s="24" t="s">
        <v>627</v>
      </c>
      <c r="B961" s="61" t="s">
        <v>85</v>
      </c>
      <c r="C961" s="38" t="s">
        <v>17</v>
      </c>
      <c r="D961" s="27"/>
      <c r="E961" s="44">
        <v>5.7000000000000002E-2</v>
      </c>
      <c r="F961" s="29">
        <f t="shared" si="48"/>
        <v>0</v>
      </c>
    </row>
    <row r="962" spans="1:6" x14ac:dyDescent="0.25">
      <c r="A962" s="24" t="s">
        <v>628</v>
      </c>
      <c r="B962" s="61" t="s">
        <v>85</v>
      </c>
      <c r="C962" s="38" t="s">
        <v>17</v>
      </c>
      <c r="D962" s="27"/>
      <c r="E962" s="44">
        <v>5.8999999999999997E-2</v>
      </c>
      <c r="F962" s="29">
        <f t="shared" si="48"/>
        <v>0</v>
      </c>
    </row>
    <row r="963" spans="1:6" x14ac:dyDescent="0.25">
      <c r="A963" s="24" t="s">
        <v>370</v>
      </c>
      <c r="B963" s="61" t="s">
        <v>85</v>
      </c>
      <c r="C963" s="38" t="s">
        <v>18</v>
      </c>
      <c r="D963" s="27"/>
      <c r="E963" s="44">
        <v>0.61</v>
      </c>
      <c r="F963" s="29">
        <f t="shared" si="48"/>
        <v>0</v>
      </c>
    </row>
    <row r="964" spans="1:6" x14ac:dyDescent="0.25">
      <c r="A964" s="24" t="s">
        <v>604</v>
      </c>
      <c r="B964" s="61" t="s">
        <v>85</v>
      </c>
      <c r="C964" s="38" t="s">
        <v>5</v>
      </c>
      <c r="D964" s="27"/>
      <c r="E964" s="44">
        <v>0.41499999999999998</v>
      </c>
      <c r="F964" s="29">
        <f t="shared" si="48"/>
        <v>0</v>
      </c>
    </row>
    <row r="965" spans="1:6" x14ac:dyDescent="0.25">
      <c r="A965" s="24" t="s">
        <v>605</v>
      </c>
      <c r="B965" s="61" t="s">
        <v>85</v>
      </c>
      <c r="C965" s="38" t="s">
        <v>18</v>
      </c>
      <c r="D965" s="27"/>
      <c r="E965" s="44">
        <v>3.63</v>
      </c>
      <c r="F965" s="29">
        <f t="shared" si="48"/>
        <v>0</v>
      </c>
    </row>
    <row r="966" spans="1:6" x14ac:dyDescent="0.25">
      <c r="A966" s="24" t="s">
        <v>606</v>
      </c>
      <c r="B966" s="61" t="s">
        <v>85</v>
      </c>
      <c r="C966" s="38" t="s">
        <v>607</v>
      </c>
      <c r="D966" s="27"/>
      <c r="E966" s="44">
        <v>4.3499999999999996</v>
      </c>
      <c r="F966" s="29">
        <f t="shared" si="48"/>
        <v>0</v>
      </c>
    </row>
    <row r="967" spans="1:6" x14ac:dyDescent="0.25">
      <c r="A967" s="24" t="s">
        <v>608</v>
      </c>
      <c r="B967" s="61" t="s">
        <v>85</v>
      </c>
      <c r="C967" s="38" t="s">
        <v>18</v>
      </c>
      <c r="D967" s="27"/>
      <c r="E967" s="44">
        <v>3.6</v>
      </c>
      <c r="F967" s="29">
        <f t="shared" si="48"/>
        <v>0</v>
      </c>
    </row>
    <row r="968" spans="1:6" x14ac:dyDescent="0.25">
      <c r="A968" s="24" t="s">
        <v>631</v>
      </c>
      <c r="B968" s="61" t="s">
        <v>85</v>
      </c>
      <c r="C968" s="38" t="s">
        <v>17</v>
      </c>
      <c r="D968" s="27"/>
      <c r="E968" s="44">
        <v>0.89800000000000002</v>
      </c>
      <c r="F968" s="29">
        <f t="shared" si="48"/>
        <v>0</v>
      </c>
    </row>
    <row r="969" spans="1:6" x14ac:dyDescent="0.25">
      <c r="A969" s="24" t="s">
        <v>635</v>
      </c>
      <c r="B969" s="61" t="s">
        <v>85</v>
      </c>
      <c r="C969" s="38" t="s">
        <v>17</v>
      </c>
      <c r="D969" s="27"/>
      <c r="E969" s="44">
        <v>0.37</v>
      </c>
      <c r="F969" s="29">
        <f t="shared" si="48"/>
        <v>0</v>
      </c>
    </row>
    <row r="970" spans="1:6" x14ac:dyDescent="0.25">
      <c r="A970" s="24" t="s">
        <v>636</v>
      </c>
      <c r="B970" s="61" t="s">
        <v>85</v>
      </c>
      <c r="C970" s="38" t="s">
        <v>17</v>
      </c>
      <c r="D970" s="27"/>
      <c r="E970" s="44">
        <v>3</v>
      </c>
      <c r="F970" s="29">
        <f t="shared" si="48"/>
        <v>0</v>
      </c>
    </row>
    <row r="971" spans="1:6" x14ac:dyDescent="0.25">
      <c r="A971" s="24" t="s">
        <v>632</v>
      </c>
      <c r="B971" s="61" t="s">
        <v>85</v>
      </c>
      <c r="C971" s="38" t="s">
        <v>16</v>
      </c>
      <c r="D971" s="27"/>
      <c r="E971" s="44">
        <v>0.59</v>
      </c>
      <c r="F971" s="29">
        <f t="shared" si="48"/>
        <v>0</v>
      </c>
    </row>
    <row r="972" spans="1:6" x14ac:dyDescent="0.25">
      <c r="A972" s="36" t="s">
        <v>158</v>
      </c>
      <c r="B972" s="61"/>
      <c r="C972" s="38"/>
      <c r="D972" s="27"/>
      <c r="E972" s="44"/>
      <c r="F972" s="29">
        <f t="shared" si="46"/>
        <v>0</v>
      </c>
    </row>
    <row r="973" spans="1:6" x14ac:dyDescent="0.25">
      <c r="A973" s="58" t="s">
        <v>86</v>
      </c>
      <c r="B973" s="61"/>
      <c r="C973" s="38"/>
      <c r="D973" s="27"/>
      <c r="E973" s="44"/>
      <c r="F973" s="29">
        <f t="shared" ref="F973:F976" si="49">SUM(D973*E973)</f>
        <v>0</v>
      </c>
    </row>
    <row r="974" spans="1:6" x14ac:dyDescent="0.25">
      <c r="A974" s="54" t="s">
        <v>1431</v>
      </c>
      <c r="B974" s="61" t="s">
        <v>87</v>
      </c>
      <c r="C974" s="38" t="s">
        <v>25</v>
      </c>
      <c r="D974" s="34"/>
      <c r="E974" s="44">
        <v>15.5</v>
      </c>
      <c r="F974" s="35">
        <f t="shared" si="49"/>
        <v>0</v>
      </c>
    </row>
    <row r="975" spans="1:6" x14ac:dyDescent="0.25">
      <c r="A975" s="36" t="s">
        <v>158</v>
      </c>
      <c r="B975" s="61"/>
      <c r="C975" s="38"/>
      <c r="D975" s="27"/>
      <c r="E975" s="44"/>
      <c r="F975" s="29">
        <f t="shared" si="49"/>
        <v>0</v>
      </c>
    </row>
    <row r="976" spans="1:6" x14ac:dyDescent="0.25">
      <c r="A976" s="53" t="s">
        <v>88</v>
      </c>
      <c r="B976" s="61"/>
      <c r="C976" s="38"/>
      <c r="D976" s="27"/>
      <c r="E976" s="44"/>
      <c r="F976" s="29">
        <f t="shared" si="49"/>
        <v>0</v>
      </c>
    </row>
    <row r="977" spans="1:6" x14ac:dyDescent="0.25">
      <c r="A977" s="24" t="s">
        <v>371</v>
      </c>
      <c r="B977" s="61" t="s">
        <v>89</v>
      </c>
      <c r="C977" s="38" t="s">
        <v>5</v>
      </c>
      <c r="D977" s="27"/>
      <c r="E977" s="44">
        <v>1.49</v>
      </c>
      <c r="F977" s="29">
        <f t="shared" ref="F977:F1007" si="50">SUM(D977*E977)</f>
        <v>0</v>
      </c>
    </row>
    <row r="978" spans="1:6" x14ac:dyDescent="0.25">
      <c r="A978" s="24" t="s">
        <v>372</v>
      </c>
      <c r="B978" s="61" t="s">
        <v>89</v>
      </c>
      <c r="C978" s="38" t="s">
        <v>5</v>
      </c>
      <c r="D978" s="27"/>
      <c r="E978" s="44">
        <v>67</v>
      </c>
      <c r="F978" s="29">
        <f t="shared" si="50"/>
        <v>0</v>
      </c>
    </row>
    <row r="979" spans="1:6" x14ac:dyDescent="0.25">
      <c r="A979" s="24" t="s">
        <v>373</v>
      </c>
      <c r="B979" s="61" t="s">
        <v>89</v>
      </c>
      <c r="C979" s="38" t="s">
        <v>5</v>
      </c>
      <c r="D979" s="27"/>
      <c r="E979" s="44">
        <v>5.84</v>
      </c>
      <c r="F979" s="29">
        <f t="shared" si="50"/>
        <v>0</v>
      </c>
    </row>
    <row r="980" spans="1:6" x14ac:dyDescent="0.25">
      <c r="A980" s="24" t="s">
        <v>374</v>
      </c>
      <c r="B980" s="61" t="s">
        <v>89</v>
      </c>
      <c r="C980" s="38" t="s">
        <v>5</v>
      </c>
      <c r="D980" s="27"/>
      <c r="E980" s="44">
        <v>5.84</v>
      </c>
      <c r="F980" s="29">
        <f t="shared" si="50"/>
        <v>0</v>
      </c>
    </row>
    <row r="981" spans="1:6" x14ac:dyDescent="0.25">
      <c r="A981" s="24" t="s">
        <v>375</v>
      </c>
      <c r="B981" s="61" t="s">
        <v>89</v>
      </c>
      <c r="C981" s="38" t="s">
        <v>25</v>
      </c>
      <c r="D981" s="27"/>
      <c r="E981" s="44">
        <v>22.19</v>
      </c>
      <c r="F981" s="29">
        <f t="shared" si="50"/>
        <v>0</v>
      </c>
    </row>
    <row r="982" spans="1:6" x14ac:dyDescent="0.25">
      <c r="A982" s="24" t="s">
        <v>376</v>
      </c>
      <c r="B982" s="61" t="s">
        <v>89</v>
      </c>
      <c r="C982" s="38" t="s">
        <v>25</v>
      </c>
      <c r="D982" s="27"/>
      <c r="E982" s="44">
        <v>22.19</v>
      </c>
      <c r="F982" s="29">
        <f t="shared" si="50"/>
        <v>0</v>
      </c>
    </row>
    <row r="983" spans="1:6" x14ac:dyDescent="0.25">
      <c r="A983" s="24" t="s">
        <v>377</v>
      </c>
      <c r="B983" s="61" t="s">
        <v>89</v>
      </c>
      <c r="C983" s="38" t="s">
        <v>25</v>
      </c>
      <c r="D983" s="27"/>
      <c r="E983" s="44">
        <v>26.98</v>
      </c>
      <c r="F983" s="29">
        <f t="shared" si="50"/>
        <v>0</v>
      </c>
    </row>
    <row r="984" spans="1:6" x14ac:dyDescent="0.25">
      <c r="A984" s="24" t="s">
        <v>378</v>
      </c>
      <c r="B984" s="61" t="s">
        <v>89</v>
      </c>
      <c r="C984" s="38" t="s">
        <v>5</v>
      </c>
      <c r="D984" s="27"/>
      <c r="E984" s="44">
        <v>15.55</v>
      </c>
      <c r="F984" s="29">
        <f t="shared" si="50"/>
        <v>0</v>
      </c>
    </row>
    <row r="985" spans="1:6" x14ac:dyDescent="0.25">
      <c r="A985" s="24" t="s">
        <v>379</v>
      </c>
      <c r="B985" s="61" t="s">
        <v>89</v>
      </c>
      <c r="C985" s="38" t="s">
        <v>5</v>
      </c>
      <c r="D985" s="27"/>
      <c r="E985" s="44">
        <v>57.44</v>
      </c>
      <c r="F985" s="29">
        <f t="shared" si="50"/>
        <v>0</v>
      </c>
    </row>
    <row r="986" spans="1:6" x14ac:dyDescent="0.25">
      <c r="A986" s="24" t="s">
        <v>380</v>
      </c>
      <c r="B986" s="61" t="s">
        <v>89</v>
      </c>
      <c r="C986" s="38" t="s">
        <v>5</v>
      </c>
      <c r="D986" s="27"/>
      <c r="E986" s="44">
        <v>18.88</v>
      </c>
      <c r="F986" s="29">
        <f t="shared" si="50"/>
        <v>0</v>
      </c>
    </row>
    <row r="987" spans="1:6" x14ac:dyDescent="0.25">
      <c r="A987" s="24" t="s">
        <v>381</v>
      </c>
      <c r="B987" s="61" t="s">
        <v>89</v>
      </c>
      <c r="C987" s="38" t="s">
        <v>17</v>
      </c>
      <c r="D987" s="27"/>
      <c r="E987" s="44">
        <v>0.99</v>
      </c>
      <c r="F987" s="29">
        <f t="shared" si="50"/>
        <v>0</v>
      </c>
    </row>
    <row r="988" spans="1:6" x14ac:dyDescent="0.25">
      <c r="A988" s="24" t="s">
        <v>1418</v>
      </c>
      <c r="B988" s="61" t="s">
        <v>89</v>
      </c>
      <c r="C988" s="38" t="s">
        <v>25</v>
      </c>
      <c r="D988" s="27"/>
      <c r="E988" s="44">
        <v>32.35</v>
      </c>
      <c r="F988" s="29">
        <f t="shared" si="50"/>
        <v>0</v>
      </c>
    </row>
    <row r="989" spans="1:6" x14ac:dyDescent="0.25">
      <c r="A989" s="24" t="s">
        <v>1419</v>
      </c>
      <c r="B989" s="61" t="s">
        <v>89</v>
      </c>
      <c r="C989" s="38" t="s">
        <v>25</v>
      </c>
      <c r="D989" s="27"/>
      <c r="E989" s="44">
        <v>33.24</v>
      </c>
      <c r="F989" s="29">
        <f t="shared" si="50"/>
        <v>0</v>
      </c>
    </row>
    <row r="990" spans="1:6" x14ac:dyDescent="0.25">
      <c r="A990" s="24" t="s">
        <v>382</v>
      </c>
      <c r="B990" s="61" t="s">
        <v>89</v>
      </c>
      <c r="C990" s="38" t="s">
        <v>5</v>
      </c>
      <c r="D990" s="27"/>
      <c r="E990" s="44">
        <v>14.14</v>
      </c>
      <c r="F990" s="29">
        <f t="shared" si="50"/>
        <v>0</v>
      </c>
    </row>
    <row r="991" spans="1:6" x14ac:dyDescent="0.25">
      <c r="A991" s="24" t="s">
        <v>383</v>
      </c>
      <c r="B991" s="61" t="s">
        <v>89</v>
      </c>
      <c r="C991" s="38" t="s">
        <v>5</v>
      </c>
      <c r="D991" s="27"/>
      <c r="E991" s="44">
        <v>5.3</v>
      </c>
      <c r="F991" s="29">
        <f t="shared" si="50"/>
        <v>0</v>
      </c>
    </row>
    <row r="992" spans="1:6" x14ac:dyDescent="0.25">
      <c r="A992" s="24" t="s">
        <v>384</v>
      </c>
      <c r="B992" s="61" t="s">
        <v>89</v>
      </c>
      <c r="C992" s="38" t="s">
        <v>63</v>
      </c>
      <c r="D992" s="27"/>
      <c r="E992" s="44">
        <v>7.84</v>
      </c>
      <c r="F992" s="29">
        <f t="shared" si="50"/>
        <v>0</v>
      </c>
    </row>
    <row r="993" spans="1:6" x14ac:dyDescent="0.25">
      <c r="A993" s="57" t="s">
        <v>389</v>
      </c>
      <c r="B993" s="62" t="s">
        <v>89</v>
      </c>
      <c r="C993" s="39" t="s">
        <v>5</v>
      </c>
      <c r="D993" s="31"/>
      <c r="E993" s="45">
        <v>7.94</v>
      </c>
      <c r="F993" s="29">
        <f t="shared" si="50"/>
        <v>0</v>
      </c>
    </row>
    <row r="994" spans="1:6" x14ac:dyDescent="0.25">
      <c r="A994" s="57" t="s">
        <v>390</v>
      </c>
      <c r="B994" s="62" t="s">
        <v>89</v>
      </c>
      <c r="C994" s="39" t="s">
        <v>5</v>
      </c>
      <c r="D994" s="31"/>
      <c r="E994" s="45">
        <v>3.1</v>
      </c>
      <c r="F994" s="29">
        <f t="shared" si="50"/>
        <v>0</v>
      </c>
    </row>
    <row r="995" spans="1:6" x14ac:dyDescent="0.25">
      <c r="A995" s="57" t="s">
        <v>391</v>
      </c>
      <c r="B995" s="62" t="s">
        <v>89</v>
      </c>
      <c r="C995" s="39" t="s">
        <v>5</v>
      </c>
      <c r="D995" s="31"/>
      <c r="E995" s="45">
        <v>3.1</v>
      </c>
      <c r="F995" s="29">
        <f t="shared" si="50"/>
        <v>0</v>
      </c>
    </row>
    <row r="996" spans="1:6" x14ac:dyDescent="0.25">
      <c r="A996" s="57" t="s">
        <v>392</v>
      </c>
      <c r="B996" s="62" t="s">
        <v>89</v>
      </c>
      <c r="C996" s="39" t="s">
        <v>5</v>
      </c>
      <c r="D996" s="31"/>
      <c r="E996" s="45">
        <v>4.0199999999999996</v>
      </c>
      <c r="F996" s="29">
        <f t="shared" si="50"/>
        <v>0</v>
      </c>
    </row>
    <row r="997" spans="1:6" x14ac:dyDescent="0.25">
      <c r="A997" s="24" t="s">
        <v>1438</v>
      </c>
      <c r="B997" s="61" t="s">
        <v>89</v>
      </c>
      <c r="C997" s="38" t="s">
        <v>5</v>
      </c>
      <c r="D997" s="27"/>
      <c r="E997" s="44">
        <v>5.09</v>
      </c>
      <c r="F997" s="29">
        <f t="shared" si="50"/>
        <v>0</v>
      </c>
    </row>
    <row r="998" spans="1:6" x14ac:dyDescent="0.25">
      <c r="A998" s="57" t="s">
        <v>393</v>
      </c>
      <c r="B998" s="62" t="s">
        <v>89</v>
      </c>
      <c r="C998" s="39" t="s">
        <v>5</v>
      </c>
      <c r="D998" s="31"/>
      <c r="E998" s="45">
        <v>4.0199999999999996</v>
      </c>
      <c r="F998" s="29">
        <f t="shared" si="50"/>
        <v>0</v>
      </c>
    </row>
    <row r="999" spans="1:6" x14ac:dyDescent="0.25">
      <c r="A999" s="57" t="s">
        <v>394</v>
      </c>
      <c r="B999" s="62" t="s">
        <v>89</v>
      </c>
      <c r="C999" s="39" t="s">
        <v>5</v>
      </c>
      <c r="D999" s="31"/>
      <c r="E999" s="45">
        <v>8.49</v>
      </c>
      <c r="F999" s="29">
        <f t="shared" si="50"/>
        <v>0</v>
      </c>
    </row>
    <row r="1000" spans="1:6" x14ac:dyDescent="0.25">
      <c r="A1000" s="57" t="s">
        <v>395</v>
      </c>
      <c r="B1000" s="62" t="s">
        <v>89</v>
      </c>
      <c r="C1000" s="39" t="s">
        <v>5</v>
      </c>
      <c r="D1000" s="31"/>
      <c r="E1000" s="45">
        <v>1.24</v>
      </c>
      <c r="F1000" s="29">
        <f t="shared" si="50"/>
        <v>0</v>
      </c>
    </row>
    <row r="1001" spans="1:6" x14ac:dyDescent="0.25">
      <c r="A1001" s="57" t="s">
        <v>396</v>
      </c>
      <c r="B1001" s="62" t="s">
        <v>89</v>
      </c>
      <c r="C1001" s="39" t="s">
        <v>5</v>
      </c>
      <c r="D1001" s="31"/>
      <c r="E1001" s="45">
        <v>1.24</v>
      </c>
      <c r="F1001" s="29">
        <f t="shared" si="50"/>
        <v>0</v>
      </c>
    </row>
    <row r="1002" spans="1:6" x14ac:dyDescent="0.25">
      <c r="A1002" s="57" t="s">
        <v>397</v>
      </c>
      <c r="B1002" s="62" t="s">
        <v>89</v>
      </c>
      <c r="C1002" s="39" t="s">
        <v>5</v>
      </c>
      <c r="D1002" s="31"/>
      <c r="E1002" s="45">
        <v>1.48</v>
      </c>
      <c r="F1002" s="29">
        <f t="shared" si="50"/>
        <v>0</v>
      </c>
    </row>
    <row r="1003" spans="1:6" x14ac:dyDescent="0.25">
      <c r="A1003" s="57" t="s">
        <v>398</v>
      </c>
      <c r="B1003" s="62" t="s">
        <v>89</v>
      </c>
      <c r="C1003" s="39" t="s">
        <v>5</v>
      </c>
      <c r="D1003" s="31"/>
      <c r="E1003" s="45">
        <v>1.24</v>
      </c>
      <c r="F1003" s="29">
        <f t="shared" si="50"/>
        <v>0</v>
      </c>
    </row>
    <row r="1004" spans="1:6" x14ac:dyDescent="0.25">
      <c r="A1004" s="57" t="s">
        <v>399</v>
      </c>
      <c r="B1004" s="62" t="s">
        <v>89</v>
      </c>
      <c r="C1004" s="39" t="s">
        <v>5</v>
      </c>
      <c r="D1004" s="31"/>
      <c r="E1004" s="45">
        <v>1.49</v>
      </c>
      <c r="F1004" s="29">
        <f t="shared" si="50"/>
        <v>0</v>
      </c>
    </row>
    <row r="1005" spans="1:6" x14ac:dyDescent="0.25">
      <c r="A1005" s="57" t="s">
        <v>400</v>
      </c>
      <c r="B1005" s="62" t="s">
        <v>89</v>
      </c>
      <c r="C1005" s="39" t="s">
        <v>5</v>
      </c>
      <c r="D1005" s="31"/>
      <c r="E1005" s="45">
        <v>1.49</v>
      </c>
      <c r="F1005" s="29">
        <f t="shared" si="50"/>
        <v>0</v>
      </c>
    </row>
    <row r="1006" spans="1:6" x14ac:dyDescent="0.25">
      <c r="A1006" s="57" t="s">
        <v>401</v>
      </c>
      <c r="B1006" s="62" t="s">
        <v>89</v>
      </c>
      <c r="C1006" s="39" t="s">
        <v>5</v>
      </c>
      <c r="D1006" s="31"/>
      <c r="E1006" s="45">
        <v>1.49</v>
      </c>
      <c r="F1006" s="29">
        <f t="shared" si="50"/>
        <v>0</v>
      </c>
    </row>
    <row r="1007" spans="1:6" x14ac:dyDescent="0.25">
      <c r="A1007" s="57" t="s">
        <v>402</v>
      </c>
      <c r="B1007" s="62" t="s">
        <v>89</v>
      </c>
      <c r="C1007" s="39" t="s">
        <v>5</v>
      </c>
      <c r="D1007" s="31"/>
      <c r="E1007" s="45">
        <v>3.59</v>
      </c>
      <c r="F1007" s="29">
        <f t="shared" si="50"/>
        <v>0</v>
      </c>
    </row>
    <row r="1008" spans="1:6" x14ac:dyDescent="0.25">
      <c r="A1008" s="57" t="s">
        <v>403</v>
      </c>
      <c r="B1008" s="62" t="s">
        <v>89</v>
      </c>
      <c r="C1008" s="39" t="s">
        <v>5</v>
      </c>
      <c r="D1008" s="31"/>
      <c r="E1008" s="45">
        <v>1.32</v>
      </c>
      <c r="F1008" s="29">
        <f t="shared" ref="F1008:F1039" si="51">SUM(D1008*E1008)</f>
        <v>0</v>
      </c>
    </row>
    <row r="1009" spans="1:6" x14ac:dyDescent="0.25">
      <c r="A1009" s="57" t="s">
        <v>404</v>
      </c>
      <c r="B1009" s="62" t="s">
        <v>89</v>
      </c>
      <c r="C1009" s="39" t="s">
        <v>5</v>
      </c>
      <c r="D1009" s="31"/>
      <c r="E1009" s="45">
        <v>1.49</v>
      </c>
      <c r="F1009" s="29">
        <f t="shared" si="51"/>
        <v>0</v>
      </c>
    </row>
    <row r="1010" spans="1:6" x14ac:dyDescent="0.25">
      <c r="A1010" s="57" t="s">
        <v>405</v>
      </c>
      <c r="B1010" s="62" t="s">
        <v>89</v>
      </c>
      <c r="C1010" s="39" t="s">
        <v>5</v>
      </c>
      <c r="D1010" s="31"/>
      <c r="E1010" s="45">
        <v>1.48</v>
      </c>
      <c r="F1010" s="29">
        <f t="shared" si="51"/>
        <v>0</v>
      </c>
    </row>
    <row r="1011" spans="1:6" x14ac:dyDescent="0.25">
      <c r="A1011" s="57" t="s">
        <v>406</v>
      </c>
      <c r="B1011" s="62" t="s">
        <v>89</v>
      </c>
      <c r="C1011" s="39" t="s">
        <v>5</v>
      </c>
      <c r="D1011" s="31"/>
      <c r="E1011" s="45">
        <v>1.49</v>
      </c>
      <c r="F1011" s="29">
        <f t="shared" si="51"/>
        <v>0</v>
      </c>
    </row>
    <row r="1012" spans="1:6" x14ac:dyDescent="0.25">
      <c r="A1012" s="24" t="s">
        <v>385</v>
      </c>
      <c r="B1012" s="61" t="s">
        <v>89</v>
      </c>
      <c r="C1012" s="38" t="s">
        <v>5</v>
      </c>
      <c r="D1012" s="27"/>
      <c r="E1012" s="44">
        <v>1.29</v>
      </c>
      <c r="F1012" s="29">
        <f t="shared" si="51"/>
        <v>0</v>
      </c>
    </row>
    <row r="1013" spans="1:6" x14ac:dyDescent="0.25">
      <c r="A1013" s="24" t="s">
        <v>386</v>
      </c>
      <c r="B1013" s="61" t="s">
        <v>89</v>
      </c>
      <c r="C1013" s="38" t="s">
        <v>5</v>
      </c>
      <c r="D1013" s="27"/>
      <c r="E1013" s="44">
        <v>1.24</v>
      </c>
      <c r="F1013" s="29">
        <f t="shared" si="51"/>
        <v>0</v>
      </c>
    </row>
    <row r="1014" spans="1:6" x14ac:dyDescent="0.25">
      <c r="A1014" s="24" t="s">
        <v>387</v>
      </c>
      <c r="B1014" s="61" t="s">
        <v>89</v>
      </c>
      <c r="C1014" s="38" t="s">
        <v>5</v>
      </c>
      <c r="D1014" s="27"/>
      <c r="E1014" s="44">
        <v>1.24</v>
      </c>
      <c r="F1014" s="29">
        <f t="shared" si="51"/>
        <v>0</v>
      </c>
    </row>
    <row r="1015" spans="1:6" x14ac:dyDescent="0.25">
      <c r="A1015" s="24" t="s">
        <v>388</v>
      </c>
      <c r="B1015" s="61" t="s">
        <v>89</v>
      </c>
      <c r="C1015" s="38" t="s">
        <v>5</v>
      </c>
      <c r="D1015" s="27"/>
      <c r="E1015" s="44">
        <v>1.24</v>
      </c>
      <c r="F1015" s="29">
        <f t="shared" si="51"/>
        <v>0</v>
      </c>
    </row>
    <row r="1016" spans="1:6" x14ac:dyDescent="0.25">
      <c r="A1016" s="24" t="s">
        <v>407</v>
      </c>
      <c r="B1016" s="61" t="s">
        <v>89</v>
      </c>
      <c r="C1016" s="38" t="s">
        <v>5</v>
      </c>
      <c r="D1016" s="27"/>
      <c r="E1016" s="44">
        <v>8.48</v>
      </c>
      <c r="F1016" s="29">
        <f t="shared" si="51"/>
        <v>0</v>
      </c>
    </row>
    <row r="1017" spans="1:6" x14ac:dyDescent="0.25">
      <c r="A1017" s="24" t="s">
        <v>408</v>
      </c>
      <c r="B1017" s="61" t="s">
        <v>89</v>
      </c>
      <c r="C1017" s="38" t="s">
        <v>5</v>
      </c>
      <c r="D1017" s="27"/>
      <c r="E1017" s="44">
        <v>1.48</v>
      </c>
      <c r="F1017" s="29">
        <f t="shared" si="51"/>
        <v>0</v>
      </c>
    </row>
    <row r="1018" spans="1:6" x14ac:dyDescent="0.25">
      <c r="A1018" s="24" t="s">
        <v>409</v>
      </c>
      <c r="B1018" s="61" t="s">
        <v>89</v>
      </c>
      <c r="C1018" s="38" t="s">
        <v>5</v>
      </c>
      <c r="D1018" s="27"/>
      <c r="E1018" s="44">
        <v>1.48</v>
      </c>
      <c r="F1018" s="29">
        <f t="shared" si="51"/>
        <v>0</v>
      </c>
    </row>
    <row r="1019" spans="1:6" x14ac:dyDescent="0.25">
      <c r="A1019" s="24" t="s">
        <v>410</v>
      </c>
      <c r="B1019" s="61" t="s">
        <v>89</v>
      </c>
      <c r="C1019" s="38" t="s">
        <v>5</v>
      </c>
      <c r="D1019" s="27"/>
      <c r="E1019" s="44">
        <v>1.49</v>
      </c>
      <c r="F1019" s="29">
        <f t="shared" si="51"/>
        <v>0</v>
      </c>
    </row>
    <row r="1020" spans="1:6" x14ac:dyDescent="0.25">
      <c r="A1020" s="24" t="s">
        <v>411</v>
      </c>
      <c r="B1020" s="61" t="s">
        <v>89</v>
      </c>
      <c r="C1020" s="38" t="s">
        <v>5</v>
      </c>
      <c r="D1020" s="27"/>
      <c r="E1020" s="44">
        <v>1.49</v>
      </c>
      <c r="F1020" s="29">
        <f t="shared" si="51"/>
        <v>0</v>
      </c>
    </row>
    <row r="1021" spans="1:6" x14ac:dyDescent="0.25">
      <c r="A1021" s="24" t="s">
        <v>412</v>
      </c>
      <c r="B1021" s="61" t="s">
        <v>89</v>
      </c>
      <c r="C1021" s="38" t="s">
        <v>5</v>
      </c>
      <c r="D1021" s="27"/>
      <c r="E1021" s="44">
        <v>1.49</v>
      </c>
      <c r="F1021" s="29">
        <f t="shared" si="51"/>
        <v>0</v>
      </c>
    </row>
    <row r="1022" spans="1:6" x14ac:dyDescent="0.25">
      <c r="A1022" s="24" t="s">
        <v>413</v>
      </c>
      <c r="B1022" s="61" t="s">
        <v>89</v>
      </c>
      <c r="C1022" s="38" t="s">
        <v>5</v>
      </c>
      <c r="D1022" s="27"/>
      <c r="E1022" s="44">
        <v>1.49</v>
      </c>
      <c r="F1022" s="29">
        <f t="shared" si="51"/>
        <v>0</v>
      </c>
    </row>
    <row r="1023" spans="1:6" x14ac:dyDescent="0.25">
      <c r="A1023" s="24" t="s">
        <v>414</v>
      </c>
      <c r="B1023" s="61" t="s">
        <v>89</v>
      </c>
      <c r="C1023" s="38" t="s">
        <v>5</v>
      </c>
      <c r="D1023" s="27"/>
      <c r="E1023" s="44">
        <v>3.69</v>
      </c>
      <c r="F1023" s="29">
        <f t="shared" si="51"/>
        <v>0</v>
      </c>
    </row>
    <row r="1024" spans="1:6" x14ac:dyDescent="0.25">
      <c r="A1024" s="24" t="s">
        <v>415</v>
      </c>
      <c r="B1024" s="61" t="s">
        <v>89</v>
      </c>
      <c r="C1024" s="38" t="s">
        <v>5</v>
      </c>
      <c r="D1024" s="27"/>
      <c r="E1024" s="44">
        <v>3.1</v>
      </c>
      <c r="F1024" s="29">
        <f t="shared" si="51"/>
        <v>0</v>
      </c>
    </row>
    <row r="1025" spans="1:6" x14ac:dyDescent="0.25">
      <c r="A1025" s="24" t="s">
        <v>416</v>
      </c>
      <c r="B1025" s="61" t="s">
        <v>89</v>
      </c>
      <c r="C1025" s="38" t="s">
        <v>5</v>
      </c>
      <c r="D1025" s="27"/>
      <c r="E1025" s="44">
        <v>338.99</v>
      </c>
      <c r="F1025" s="29">
        <f t="shared" si="51"/>
        <v>0</v>
      </c>
    </row>
    <row r="1026" spans="1:6" x14ac:dyDescent="0.25">
      <c r="A1026" s="36" t="s">
        <v>417</v>
      </c>
      <c r="B1026" s="61" t="s">
        <v>89</v>
      </c>
      <c r="C1026" s="38" t="s">
        <v>5</v>
      </c>
      <c r="D1026" s="27"/>
      <c r="E1026" s="44">
        <v>10</v>
      </c>
      <c r="F1026" s="29">
        <f t="shared" si="51"/>
        <v>0</v>
      </c>
    </row>
    <row r="1027" spans="1:6" x14ac:dyDescent="0.25">
      <c r="A1027" s="24" t="s">
        <v>418</v>
      </c>
      <c r="B1027" s="61" t="s">
        <v>89</v>
      </c>
      <c r="C1027" s="38" t="s">
        <v>25</v>
      </c>
      <c r="D1027" s="27"/>
      <c r="E1027" s="44">
        <v>7.4</v>
      </c>
      <c r="F1027" s="29">
        <f t="shared" si="51"/>
        <v>0</v>
      </c>
    </row>
    <row r="1028" spans="1:6" x14ac:dyDescent="0.25">
      <c r="A1028" s="24" t="s">
        <v>419</v>
      </c>
      <c r="B1028" s="61" t="s">
        <v>89</v>
      </c>
      <c r="C1028" s="38" t="s">
        <v>25</v>
      </c>
      <c r="D1028" s="27"/>
      <c r="E1028" s="44">
        <v>7.39</v>
      </c>
      <c r="F1028" s="29">
        <f t="shared" si="51"/>
        <v>0</v>
      </c>
    </row>
    <row r="1029" spans="1:6" x14ac:dyDescent="0.25">
      <c r="A1029" s="24" t="s">
        <v>420</v>
      </c>
      <c r="B1029" s="61" t="s">
        <v>89</v>
      </c>
      <c r="C1029" s="38" t="s">
        <v>5</v>
      </c>
      <c r="D1029" s="27"/>
      <c r="E1029" s="44">
        <v>2.44</v>
      </c>
      <c r="F1029" s="29">
        <f t="shared" si="51"/>
        <v>0</v>
      </c>
    </row>
    <row r="1030" spans="1:6" x14ac:dyDescent="0.25">
      <c r="A1030" s="24" t="s">
        <v>421</v>
      </c>
      <c r="B1030" s="61" t="s">
        <v>89</v>
      </c>
      <c r="C1030" s="38" t="s">
        <v>25</v>
      </c>
      <c r="D1030" s="27"/>
      <c r="E1030" s="44">
        <v>16.2</v>
      </c>
      <c r="F1030" s="29">
        <f t="shared" si="51"/>
        <v>0</v>
      </c>
    </row>
    <row r="1031" spans="1:6" x14ac:dyDescent="0.25">
      <c r="A1031" s="24" t="s">
        <v>422</v>
      </c>
      <c r="B1031" s="61" t="s">
        <v>89</v>
      </c>
      <c r="C1031" s="38" t="s">
        <v>25</v>
      </c>
      <c r="D1031" s="27"/>
      <c r="E1031" s="44">
        <v>16.2</v>
      </c>
      <c r="F1031" s="29">
        <f t="shared" si="51"/>
        <v>0</v>
      </c>
    </row>
    <row r="1032" spans="1:6" x14ac:dyDescent="0.25">
      <c r="A1032" s="24" t="s">
        <v>423</v>
      </c>
      <c r="B1032" s="61" t="s">
        <v>89</v>
      </c>
      <c r="C1032" s="38" t="s">
        <v>25</v>
      </c>
      <c r="D1032" s="27"/>
      <c r="E1032" s="44">
        <v>16.2</v>
      </c>
      <c r="F1032" s="29">
        <f t="shared" si="51"/>
        <v>0</v>
      </c>
    </row>
    <row r="1033" spans="1:6" x14ac:dyDescent="0.25">
      <c r="A1033" s="24" t="s">
        <v>424</v>
      </c>
      <c r="B1033" s="61" t="s">
        <v>89</v>
      </c>
      <c r="C1033" s="38" t="s">
        <v>25</v>
      </c>
      <c r="D1033" s="27"/>
      <c r="E1033" s="44">
        <v>16.2</v>
      </c>
      <c r="F1033" s="29">
        <f t="shared" si="51"/>
        <v>0</v>
      </c>
    </row>
    <row r="1034" spans="1:6" x14ac:dyDescent="0.25">
      <c r="A1034" s="24" t="s">
        <v>543</v>
      </c>
      <c r="B1034" s="61" t="s">
        <v>89</v>
      </c>
      <c r="C1034" s="38" t="s">
        <v>5</v>
      </c>
      <c r="D1034" s="27"/>
      <c r="E1034" s="44">
        <v>4.78</v>
      </c>
      <c r="F1034" s="29">
        <f t="shared" si="51"/>
        <v>0</v>
      </c>
    </row>
    <row r="1035" spans="1:6" x14ac:dyDescent="0.25">
      <c r="A1035" s="24" t="s">
        <v>425</v>
      </c>
      <c r="B1035" s="61" t="s">
        <v>89</v>
      </c>
      <c r="C1035" s="38" t="s">
        <v>5</v>
      </c>
      <c r="D1035" s="27"/>
      <c r="E1035" s="44">
        <v>10.98</v>
      </c>
      <c r="F1035" s="29">
        <f t="shared" si="51"/>
        <v>0</v>
      </c>
    </row>
    <row r="1036" spans="1:6" x14ac:dyDescent="0.25">
      <c r="A1036" s="24" t="s">
        <v>426</v>
      </c>
      <c r="B1036" s="61" t="s">
        <v>89</v>
      </c>
      <c r="C1036" s="38" t="s">
        <v>5</v>
      </c>
      <c r="D1036" s="27"/>
      <c r="E1036" s="44">
        <v>8.19</v>
      </c>
      <c r="F1036" s="29">
        <f t="shared" si="51"/>
        <v>0</v>
      </c>
    </row>
    <row r="1037" spans="1:6" x14ac:dyDescent="0.25">
      <c r="A1037" s="24" t="s">
        <v>427</v>
      </c>
      <c r="B1037" s="61" t="s">
        <v>89</v>
      </c>
      <c r="C1037" s="38" t="s">
        <v>5</v>
      </c>
      <c r="D1037" s="27"/>
      <c r="E1037" s="44">
        <v>28.98</v>
      </c>
      <c r="F1037" s="29">
        <f t="shared" si="51"/>
        <v>0</v>
      </c>
    </row>
    <row r="1038" spans="1:6" x14ac:dyDescent="0.25">
      <c r="A1038" s="24" t="s">
        <v>428</v>
      </c>
      <c r="B1038" s="61" t="s">
        <v>89</v>
      </c>
      <c r="C1038" s="38" t="s">
        <v>5</v>
      </c>
      <c r="D1038" s="27"/>
      <c r="E1038" s="44">
        <v>19.48</v>
      </c>
      <c r="F1038" s="29">
        <f t="shared" si="51"/>
        <v>0</v>
      </c>
    </row>
    <row r="1039" spans="1:6" x14ac:dyDescent="0.25">
      <c r="A1039" s="24" t="s">
        <v>429</v>
      </c>
      <c r="B1039" s="61" t="s">
        <v>89</v>
      </c>
      <c r="C1039" s="38" t="s">
        <v>5</v>
      </c>
      <c r="D1039" s="27"/>
      <c r="E1039" s="44">
        <v>2.92</v>
      </c>
      <c r="F1039" s="29">
        <f t="shared" si="51"/>
        <v>0</v>
      </c>
    </row>
    <row r="1040" spans="1:6" x14ac:dyDescent="0.25">
      <c r="A1040" s="24" t="s">
        <v>430</v>
      </c>
      <c r="B1040" s="61" t="s">
        <v>89</v>
      </c>
      <c r="C1040" s="38" t="s">
        <v>5</v>
      </c>
      <c r="D1040" s="27"/>
      <c r="E1040" s="44">
        <v>23.1</v>
      </c>
      <c r="F1040" s="29">
        <f t="shared" ref="F1040:F1072" si="52">SUM(D1040*E1040)</f>
        <v>0</v>
      </c>
    </row>
    <row r="1041" spans="1:6" x14ac:dyDescent="0.25">
      <c r="A1041" s="24" t="s">
        <v>431</v>
      </c>
      <c r="B1041" s="61" t="s">
        <v>89</v>
      </c>
      <c r="C1041" s="38" t="s">
        <v>5</v>
      </c>
      <c r="D1041" s="27"/>
      <c r="E1041" s="44">
        <v>7.39</v>
      </c>
      <c r="F1041" s="29">
        <f t="shared" si="52"/>
        <v>0</v>
      </c>
    </row>
    <row r="1042" spans="1:6" x14ac:dyDescent="0.25">
      <c r="A1042" s="24" t="s">
        <v>432</v>
      </c>
      <c r="B1042" s="61" t="s">
        <v>89</v>
      </c>
      <c r="C1042" s="38" t="s">
        <v>5</v>
      </c>
      <c r="D1042" s="27"/>
      <c r="E1042" s="44">
        <v>4.79</v>
      </c>
      <c r="F1042" s="29">
        <f t="shared" si="52"/>
        <v>0</v>
      </c>
    </row>
    <row r="1043" spans="1:6" x14ac:dyDescent="0.25">
      <c r="A1043" s="24" t="s">
        <v>1439</v>
      </c>
      <c r="B1043" s="61" t="s">
        <v>89</v>
      </c>
      <c r="C1043" s="38" t="s">
        <v>5</v>
      </c>
      <c r="D1043" s="27"/>
      <c r="E1043" s="44">
        <v>6.26</v>
      </c>
      <c r="F1043" s="29">
        <f t="shared" si="52"/>
        <v>0</v>
      </c>
    </row>
    <row r="1044" spans="1:6" x14ac:dyDescent="0.25">
      <c r="A1044" s="24" t="s">
        <v>433</v>
      </c>
      <c r="B1044" s="61" t="s">
        <v>89</v>
      </c>
      <c r="C1044" s="38" t="s">
        <v>5</v>
      </c>
      <c r="D1044" s="27"/>
      <c r="E1044" s="44">
        <v>1.19</v>
      </c>
      <c r="F1044" s="29">
        <f t="shared" si="52"/>
        <v>0</v>
      </c>
    </row>
    <row r="1045" spans="1:6" x14ac:dyDescent="0.25">
      <c r="A1045" s="24" t="s">
        <v>1225</v>
      </c>
      <c r="B1045" s="61" t="s">
        <v>89</v>
      </c>
      <c r="C1045" s="38" t="s">
        <v>5</v>
      </c>
      <c r="D1045" s="27"/>
      <c r="E1045" s="44">
        <v>3.61</v>
      </c>
      <c r="F1045" s="29">
        <f t="shared" si="52"/>
        <v>0</v>
      </c>
    </row>
    <row r="1046" spans="1:6" s="1" customFormat="1" x14ac:dyDescent="0.25">
      <c r="A1046" s="24" t="s">
        <v>1428</v>
      </c>
      <c r="B1046" s="61" t="s">
        <v>89</v>
      </c>
      <c r="C1046" s="38" t="s">
        <v>5</v>
      </c>
      <c r="D1046" s="27"/>
      <c r="E1046" s="44">
        <v>35.19</v>
      </c>
      <c r="F1046" s="29">
        <f t="shared" si="52"/>
        <v>0</v>
      </c>
    </row>
    <row r="1047" spans="1:6" x14ac:dyDescent="0.25">
      <c r="A1047" s="24" t="s">
        <v>434</v>
      </c>
      <c r="B1047" s="61" t="s">
        <v>89</v>
      </c>
      <c r="C1047" s="38" t="s">
        <v>5</v>
      </c>
      <c r="D1047" s="27"/>
      <c r="E1047" s="44">
        <v>36.5</v>
      </c>
      <c r="F1047" s="29">
        <f t="shared" si="52"/>
        <v>0</v>
      </c>
    </row>
    <row r="1048" spans="1:6" x14ac:dyDescent="0.25">
      <c r="A1048" s="24" t="s">
        <v>435</v>
      </c>
      <c r="B1048" s="61" t="s">
        <v>89</v>
      </c>
      <c r="C1048" s="38" t="s">
        <v>5</v>
      </c>
      <c r="D1048" s="27"/>
      <c r="E1048" s="44">
        <v>120</v>
      </c>
      <c r="F1048" s="29">
        <f t="shared" si="52"/>
        <v>0</v>
      </c>
    </row>
    <row r="1049" spans="1:6" x14ac:dyDescent="0.25">
      <c r="A1049" s="24" t="s">
        <v>436</v>
      </c>
      <c r="B1049" s="61" t="s">
        <v>89</v>
      </c>
      <c r="C1049" s="38" t="s">
        <v>5</v>
      </c>
      <c r="D1049" s="27"/>
      <c r="E1049" s="44">
        <v>6.98</v>
      </c>
      <c r="F1049" s="29">
        <f t="shared" si="52"/>
        <v>0</v>
      </c>
    </row>
    <row r="1050" spans="1:6" x14ac:dyDescent="0.25">
      <c r="A1050" s="24" t="s">
        <v>437</v>
      </c>
      <c r="B1050" s="61" t="s">
        <v>89</v>
      </c>
      <c r="C1050" s="38" t="s">
        <v>5</v>
      </c>
      <c r="D1050" s="27"/>
      <c r="E1050" s="44">
        <v>3.77</v>
      </c>
      <c r="F1050" s="29">
        <f t="shared" si="52"/>
        <v>0</v>
      </c>
    </row>
    <row r="1051" spans="1:6" x14ac:dyDescent="0.25">
      <c r="A1051" s="24" t="s">
        <v>438</v>
      </c>
      <c r="B1051" s="61" t="s">
        <v>89</v>
      </c>
      <c r="C1051" s="38" t="s">
        <v>5</v>
      </c>
      <c r="D1051" s="27"/>
      <c r="E1051" s="44">
        <v>1.69</v>
      </c>
      <c r="F1051" s="29">
        <f t="shared" si="52"/>
        <v>0</v>
      </c>
    </row>
    <row r="1052" spans="1:6" x14ac:dyDescent="0.25">
      <c r="A1052" s="24" t="s">
        <v>1420</v>
      </c>
      <c r="B1052" s="61" t="s">
        <v>89</v>
      </c>
      <c r="C1052" s="38" t="s">
        <v>5</v>
      </c>
      <c r="D1052" s="27"/>
      <c r="E1052" s="44">
        <v>23.4</v>
      </c>
      <c r="F1052" s="29">
        <f t="shared" si="52"/>
        <v>0</v>
      </c>
    </row>
    <row r="1053" spans="1:6" x14ac:dyDescent="0.25">
      <c r="A1053" s="24" t="s">
        <v>439</v>
      </c>
      <c r="B1053" s="61" t="s">
        <v>89</v>
      </c>
      <c r="C1053" s="38" t="s">
        <v>5</v>
      </c>
      <c r="D1053" s="27"/>
      <c r="E1053" s="44">
        <v>7.98</v>
      </c>
      <c r="F1053" s="29">
        <f t="shared" si="52"/>
        <v>0</v>
      </c>
    </row>
    <row r="1054" spans="1:6" x14ac:dyDescent="0.25">
      <c r="A1054" s="24" t="s">
        <v>544</v>
      </c>
      <c r="B1054" s="61" t="s">
        <v>89</v>
      </c>
      <c r="C1054" s="38" t="s">
        <v>5</v>
      </c>
      <c r="D1054" s="27"/>
      <c r="E1054" s="44">
        <v>12.89</v>
      </c>
      <c r="F1054" s="29">
        <f t="shared" si="52"/>
        <v>0</v>
      </c>
    </row>
    <row r="1055" spans="1:6" x14ac:dyDescent="0.25">
      <c r="A1055" s="24" t="s">
        <v>440</v>
      </c>
      <c r="B1055" s="61" t="s">
        <v>89</v>
      </c>
      <c r="C1055" s="38" t="s">
        <v>5</v>
      </c>
      <c r="D1055" s="27"/>
      <c r="E1055" s="44">
        <v>6</v>
      </c>
      <c r="F1055" s="29">
        <f t="shared" si="52"/>
        <v>0</v>
      </c>
    </row>
    <row r="1056" spans="1:6" s="1" customFormat="1" x14ac:dyDescent="0.25">
      <c r="A1056" s="24" t="s">
        <v>1322</v>
      </c>
      <c r="B1056" s="61" t="s">
        <v>89</v>
      </c>
      <c r="C1056" s="38" t="s">
        <v>5</v>
      </c>
      <c r="D1056" s="27"/>
      <c r="E1056" s="44">
        <v>89.89</v>
      </c>
      <c r="F1056" s="29">
        <f t="shared" si="52"/>
        <v>0</v>
      </c>
    </row>
    <row r="1057" spans="1:6" x14ac:dyDescent="0.25">
      <c r="A1057" s="24" t="s">
        <v>441</v>
      </c>
      <c r="B1057" s="61" t="s">
        <v>89</v>
      </c>
      <c r="C1057" s="38" t="s">
        <v>25</v>
      </c>
      <c r="D1057" s="27"/>
      <c r="E1057" s="44">
        <v>23.2</v>
      </c>
      <c r="F1057" s="29">
        <f t="shared" si="52"/>
        <v>0</v>
      </c>
    </row>
    <row r="1058" spans="1:6" x14ac:dyDescent="0.25">
      <c r="A1058" s="24" t="s">
        <v>442</v>
      </c>
      <c r="B1058" s="61" t="s">
        <v>89</v>
      </c>
      <c r="C1058" s="38" t="s">
        <v>5</v>
      </c>
      <c r="D1058" s="27"/>
      <c r="E1058" s="44">
        <v>11.11</v>
      </c>
      <c r="F1058" s="29">
        <f t="shared" si="52"/>
        <v>0</v>
      </c>
    </row>
    <row r="1059" spans="1:6" x14ac:dyDescent="0.25">
      <c r="A1059" s="24" t="s">
        <v>443</v>
      </c>
      <c r="B1059" s="61" t="s">
        <v>89</v>
      </c>
      <c r="C1059" s="38" t="s">
        <v>25</v>
      </c>
      <c r="D1059" s="27"/>
      <c r="E1059" s="44">
        <v>17.489999999999998</v>
      </c>
      <c r="F1059" s="29">
        <f t="shared" si="52"/>
        <v>0</v>
      </c>
    </row>
    <row r="1060" spans="1:6" x14ac:dyDescent="0.25">
      <c r="A1060" s="24" t="s">
        <v>444</v>
      </c>
      <c r="B1060" s="61" t="s">
        <v>89</v>
      </c>
      <c r="C1060" s="38" t="s">
        <v>25</v>
      </c>
      <c r="D1060" s="27"/>
      <c r="E1060" s="44">
        <v>17.489999999999998</v>
      </c>
      <c r="F1060" s="29">
        <f t="shared" si="52"/>
        <v>0</v>
      </c>
    </row>
    <row r="1061" spans="1:6" x14ac:dyDescent="0.25">
      <c r="A1061" s="24" t="s">
        <v>445</v>
      </c>
      <c r="B1061" s="61" t="s">
        <v>89</v>
      </c>
      <c r="C1061" s="38" t="s">
        <v>25</v>
      </c>
      <c r="D1061" s="27"/>
      <c r="E1061" s="44">
        <v>24.99</v>
      </c>
      <c r="F1061" s="29">
        <f t="shared" si="52"/>
        <v>0</v>
      </c>
    </row>
    <row r="1062" spans="1:6" x14ac:dyDescent="0.25">
      <c r="A1062" s="24" t="s">
        <v>446</v>
      </c>
      <c r="B1062" s="61" t="s">
        <v>89</v>
      </c>
      <c r="C1062" s="38" t="s">
        <v>5</v>
      </c>
      <c r="D1062" s="27"/>
      <c r="E1062" s="44">
        <v>2.5</v>
      </c>
      <c r="F1062" s="29">
        <f t="shared" si="52"/>
        <v>0</v>
      </c>
    </row>
    <row r="1063" spans="1:6" x14ac:dyDescent="0.25">
      <c r="A1063" s="24" t="s">
        <v>447</v>
      </c>
      <c r="B1063" s="61" t="s">
        <v>89</v>
      </c>
      <c r="C1063" s="38" t="s">
        <v>18</v>
      </c>
      <c r="D1063" s="27"/>
      <c r="E1063" s="44">
        <v>5.3</v>
      </c>
      <c r="F1063" s="29">
        <f t="shared" si="52"/>
        <v>0</v>
      </c>
    </row>
    <row r="1064" spans="1:6" x14ac:dyDescent="0.25">
      <c r="A1064" s="24" t="s">
        <v>448</v>
      </c>
      <c r="B1064" s="61" t="s">
        <v>89</v>
      </c>
      <c r="C1064" s="38" t="s">
        <v>18</v>
      </c>
      <c r="D1064" s="27"/>
      <c r="E1064" s="44">
        <v>2.37</v>
      </c>
      <c r="F1064" s="29">
        <f t="shared" si="52"/>
        <v>0</v>
      </c>
    </row>
    <row r="1065" spans="1:6" x14ac:dyDescent="0.25">
      <c r="A1065" s="24" t="s">
        <v>449</v>
      </c>
      <c r="B1065" s="61" t="s">
        <v>89</v>
      </c>
      <c r="C1065" s="38" t="s">
        <v>5</v>
      </c>
      <c r="D1065" s="27"/>
      <c r="E1065" s="44">
        <v>16.899999999999999</v>
      </c>
      <c r="F1065" s="29">
        <f t="shared" si="52"/>
        <v>0</v>
      </c>
    </row>
    <row r="1066" spans="1:6" x14ac:dyDescent="0.25">
      <c r="A1066" s="24" t="s">
        <v>451</v>
      </c>
      <c r="B1066" s="61" t="s">
        <v>89</v>
      </c>
      <c r="C1066" s="38" t="s">
        <v>5</v>
      </c>
      <c r="D1066" s="27"/>
      <c r="E1066" s="44">
        <v>45</v>
      </c>
      <c r="F1066" s="29">
        <f t="shared" si="52"/>
        <v>0</v>
      </c>
    </row>
    <row r="1067" spans="1:6" x14ac:dyDescent="0.25">
      <c r="A1067" s="24" t="s">
        <v>450</v>
      </c>
      <c r="B1067" s="61" t="s">
        <v>89</v>
      </c>
      <c r="C1067" s="38" t="s">
        <v>5</v>
      </c>
      <c r="D1067" s="27"/>
      <c r="E1067" s="44">
        <v>54.44</v>
      </c>
      <c r="F1067" s="29">
        <f t="shared" si="52"/>
        <v>0</v>
      </c>
    </row>
    <row r="1068" spans="1:6" x14ac:dyDescent="0.25">
      <c r="A1068" s="24" t="s">
        <v>452</v>
      </c>
      <c r="B1068" s="61" t="s">
        <v>89</v>
      </c>
      <c r="C1068" s="38" t="s">
        <v>5</v>
      </c>
      <c r="D1068" s="27"/>
      <c r="E1068" s="44">
        <v>45.48</v>
      </c>
      <c r="F1068" s="29">
        <f t="shared" si="52"/>
        <v>0</v>
      </c>
    </row>
    <row r="1069" spans="1:6" x14ac:dyDescent="0.25">
      <c r="A1069" s="24" t="s">
        <v>453</v>
      </c>
      <c r="B1069" s="61" t="s">
        <v>89</v>
      </c>
      <c r="C1069" s="38" t="s">
        <v>18</v>
      </c>
      <c r="D1069" s="27"/>
      <c r="E1069" s="44">
        <v>4.5</v>
      </c>
      <c r="F1069" s="29">
        <f t="shared" si="52"/>
        <v>0</v>
      </c>
    </row>
    <row r="1070" spans="1:6" x14ac:dyDescent="0.25">
      <c r="A1070" s="24" t="s">
        <v>454</v>
      </c>
      <c r="B1070" s="61" t="s">
        <v>89</v>
      </c>
      <c r="C1070" s="38" t="s">
        <v>58</v>
      </c>
      <c r="D1070" s="27"/>
      <c r="E1070" s="44">
        <v>28</v>
      </c>
      <c r="F1070" s="29">
        <f t="shared" si="52"/>
        <v>0</v>
      </c>
    </row>
    <row r="1071" spans="1:6" x14ac:dyDescent="0.25">
      <c r="A1071" s="24" t="s">
        <v>455</v>
      </c>
      <c r="B1071" s="61" t="s">
        <v>89</v>
      </c>
      <c r="C1071" s="38" t="s">
        <v>5</v>
      </c>
      <c r="D1071" s="27"/>
      <c r="E1071" s="44">
        <v>4.8</v>
      </c>
      <c r="F1071" s="29">
        <f t="shared" si="52"/>
        <v>0</v>
      </c>
    </row>
    <row r="1072" spans="1:6" x14ac:dyDescent="0.25">
      <c r="A1072" s="24" t="s">
        <v>456</v>
      </c>
      <c r="B1072" s="61" t="s">
        <v>89</v>
      </c>
      <c r="C1072" s="38" t="s">
        <v>58</v>
      </c>
      <c r="D1072" s="27"/>
      <c r="E1072" s="44">
        <v>6.87</v>
      </c>
      <c r="F1072" s="29">
        <f t="shared" si="52"/>
        <v>0</v>
      </c>
    </row>
    <row r="1073" spans="1:6" x14ac:dyDescent="0.25">
      <c r="A1073" s="24" t="s">
        <v>457</v>
      </c>
      <c r="B1073" s="61" t="s">
        <v>89</v>
      </c>
      <c r="C1073" s="38" t="s">
        <v>5</v>
      </c>
      <c r="D1073" s="27"/>
      <c r="E1073" s="44">
        <v>9.1</v>
      </c>
      <c r="F1073" s="29">
        <f t="shared" ref="F1073:F1104" si="53">SUM(D1073*E1073)</f>
        <v>0</v>
      </c>
    </row>
    <row r="1074" spans="1:6" x14ac:dyDescent="0.25">
      <c r="A1074" s="24" t="s">
        <v>458</v>
      </c>
      <c r="B1074" s="61" t="s">
        <v>89</v>
      </c>
      <c r="C1074" s="38" t="s">
        <v>5</v>
      </c>
      <c r="D1074" s="27"/>
      <c r="E1074" s="44">
        <v>9.1999999999999993</v>
      </c>
      <c r="F1074" s="29">
        <f t="shared" si="53"/>
        <v>0</v>
      </c>
    </row>
    <row r="1075" spans="1:6" x14ac:dyDescent="0.25">
      <c r="A1075" s="24" t="s">
        <v>459</v>
      </c>
      <c r="B1075" s="61" t="s">
        <v>89</v>
      </c>
      <c r="C1075" s="38" t="s">
        <v>5</v>
      </c>
      <c r="D1075" s="27"/>
      <c r="E1075" s="44">
        <v>9.15</v>
      </c>
      <c r="F1075" s="29">
        <f t="shared" si="53"/>
        <v>0</v>
      </c>
    </row>
    <row r="1076" spans="1:6" x14ac:dyDescent="0.25">
      <c r="A1076" s="24" t="s">
        <v>460</v>
      </c>
      <c r="B1076" s="61" t="s">
        <v>89</v>
      </c>
      <c r="C1076" s="38" t="s">
        <v>5</v>
      </c>
      <c r="D1076" s="27"/>
      <c r="E1076" s="44">
        <v>9.15</v>
      </c>
      <c r="F1076" s="29">
        <f t="shared" si="53"/>
        <v>0</v>
      </c>
    </row>
    <row r="1077" spans="1:6" x14ac:dyDescent="0.25">
      <c r="A1077" s="24" t="s">
        <v>461</v>
      </c>
      <c r="B1077" s="61" t="s">
        <v>89</v>
      </c>
      <c r="C1077" s="38" t="s">
        <v>5</v>
      </c>
      <c r="D1077" s="27"/>
      <c r="E1077" s="44">
        <v>9.15</v>
      </c>
      <c r="F1077" s="29">
        <f t="shared" si="53"/>
        <v>0</v>
      </c>
    </row>
    <row r="1078" spans="1:6" x14ac:dyDescent="0.25">
      <c r="A1078" s="24" t="s">
        <v>462</v>
      </c>
      <c r="B1078" s="61" t="s">
        <v>89</v>
      </c>
      <c r="C1078" s="38" t="s">
        <v>5</v>
      </c>
      <c r="D1078" s="27"/>
      <c r="E1078" s="44">
        <v>11</v>
      </c>
      <c r="F1078" s="29">
        <f t="shared" si="53"/>
        <v>0</v>
      </c>
    </row>
    <row r="1079" spans="1:6" x14ac:dyDescent="0.25">
      <c r="A1079" s="24" t="s">
        <v>463</v>
      </c>
      <c r="B1079" s="61" t="s">
        <v>89</v>
      </c>
      <c r="C1079" s="38" t="s">
        <v>5</v>
      </c>
      <c r="D1079" s="27"/>
      <c r="E1079" s="44">
        <v>8.74</v>
      </c>
      <c r="F1079" s="29">
        <f t="shared" si="53"/>
        <v>0</v>
      </c>
    </row>
    <row r="1080" spans="1:6" x14ac:dyDescent="0.25">
      <c r="A1080" s="24" t="s">
        <v>464</v>
      </c>
      <c r="B1080" s="61" t="s">
        <v>89</v>
      </c>
      <c r="C1080" s="38" t="s">
        <v>5</v>
      </c>
      <c r="D1080" s="27"/>
      <c r="E1080" s="44">
        <v>9</v>
      </c>
      <c r="F1080" s="29">
        <f t="shared" si="53"/>
        <v>0</v>
      </c>
    </row>
    <row r="1081" spans="1:6" x14ac:dyDescent="0.25">
      <c r="A1081" s="24" t="s">
        <v>465</v>
      </c>
      <c r="B1081" s="61" t="s">
        <v>89</v>
      </c>
      <c r="C1081" s="38" t="s">
        <v>5</v>
      </c>
      <c r="D1081" s="27"/>
      <c r="E1081" s="44">
        <v>9.15</v>
      </c>
      <c r="F1081" s="29">
        <f t="shared" si="53"/>
        <v>0</v>
      </c>
    </row>
    <row r="1082" spans="1:6" x14ac:dyDescent="0.25">
      <c r="A1082" s="24" t="s">
        <v>466</v>
      </c>
      <c r="B1082" s="61" t="s">
        <v>89</v>
      </c>
      <c r="C1082" s="38" t="s">
        <v>5</v>
      </c>
      <c r="D1082" s="27"/>
      <c r="E1082" s="44">
        <v>9.1999999999999993</v>
      </c>
      <c r="F1082" s="29">
        <f t="shared" si="53"/>
        <v>0</v>
      </c>
    </row>
    <row r="1083" spans="1:6" x14ac:dyDescent="0.25">
      <c r="A1083" s="24" t="s">
        <v>467</v>
      </c>
      <c r="B1083" s="61" t="s">
        <v>89</v>
      </c>
      <c r="C1083" s="38" t="s">
        <v>5</v>
      </c>
      <c r="D1083" s="27"/>
      <c r="E1083" s="44">
        <v>11.5</v>
      </c>
      <c r="F1083" s="29">
        <f t="shared" si="53"/>
        <v>0</v>
      </c>
    </row>
    <row r="1084" spans="1:6" x14ac:dyDescent="0.25">
      <c r="A1084" s="24" t="s">
        <v>468</v>
      </c>
      <c r="B1084" s="61" t="s">
        <v>89</v>
      </c>
      <c r="C1084" s="38" t="s">
        <v>5</v>
      </c>
      <c r="D1084" s="27"/>
      <c r="E1084" s="44">
        <v>13.96</v>
      </c>
      <c r="F1084" s="29">
        <f t="shared" si="53"/>
        <v>0</v>
      </c>
    </row>
    <row r="1085" spans="1:6" x14ac:dyDescent="0.25">
      <c r="A1085" s="24" t="s">
        <v>469</v>
      </c>
      <c r="B1085" s="61" t="s">
        <v>89</v>
      </c>
      <c r="C1085" s="38" t="s">
        <v>5</v>
      </c>
      <c r="D1085" s="27"/>
      <c r="E1085" s="44">
        <v>17</v>
      </c>
      <c r="F1085" s="29">
        <f t="shared" si="53"/>
        <v>0</v>
      </c>
    </row>
    <row r="1086" spans="1:6" x14ac:dyDescent="0.25">
      <c r="A1086" s="24" t="s">
        <v>470</v>
      </c>
      <c r="B1086" s="61" t="s">
        <v>89</v>
      </c>
      <c r="C1086" s="38" t="s">
        <v>25</v>
      </c>
      <c r="D1086" s="27"/>
      <c r="E1086" s="44">
        <v>19.8</v>
      </c>
      <c r="F1086" s="29">
        <f t="shared" si="53"/>
        <v>0</v>
      </c>
    </row>
    <row r="1087" spans="1:6" x14ac:dyDescent="0.25">
      <c r="A1087" s="24" t="s">
        <v>471</v>
      </c>
      <c r="B1087" s="61" t="s">
        <v>89</v>
      </c>
      <c r="C1087" s="38" t="s">
        <v>25</v>
      </c>
      <c r="D1087" s="27"/>
      <c r="E1087" s="44">
        <v>12</v>
      </c>
      <c r="F1087" s="29">
        <f t="shared" si="53"/>
        <v>0</v>
      </c>
    </row>
    <row r="1088" spans="1:6" x14ac:dyDescent="0.25">
      <c r="A1088" s="24" t="s">
        <v>472</v>
      </c>
      <c r="B1088" s="61" t="s">
        <v>89</v>
      </c>
      <c r="C1088" s="38" t="s">
        <v>25</v>
      </c>
      <c r="D1088" s="27"/>
      <c r="E1088" s="44">
        <v>12</v>
      </c>
      <c r="F1088" s="29">
        <f t="shared" si="53"/>
        <v>0</v>
      </c>
    </row>
    <row r="1089" spans="1:6" x14ac:dyDescent="0.25">
      <c r="A1089" s="24" t="s">
        <v>473</v>
      </c>
      <c r="B1089" s="61" t="s">
        <v>89</v>
      </c>
      <c r="C1089" s="38" t="s">
        <v>5</v>
      </c>
      <c r="D1089" s="27"/>
      <c r="E1089" s="44">
        <v>2.0499999999999998</v>
      </c>
      <c r="F1089" s="29">
        <f t="shared" si="53"/>
        <v>0</v>
      </c>
    </row>
    <row r="1090" spans="1:6" x14ac:dyDescent="0.25">
      <c r="A1090" s="24" t="s">
        <v>474</v>
      </c>
      <c r="B1090" s="61" t="s">
        <v>89</v>
      </c>
      <c r="C1090" s="38" t="s">
        <v>25</v>
      </c>
      <c r="D1090" s="27"/>
      <c r="E1090" s="44">
        <v>4.2</v>
      </c>
      <c r="F1090" s="29">
        <f t="shared" si="53"/>
        <v>0</v>
      </c>
    </row>
    <row r="1091" spans="1:6" x14ac:dyDescent="0.25">
      <c r="A1091" s="24" t="s">
        <v>475</v>
      </c>
      <c r="B1091" s="61" t="s">
        <v>89</v>
      </c>
      <c r="C1091" s="38" t="s">
        <v>5</v>
      </c>
      <c r="D1091" s="27"/>
      <c r="E1091" s="44">
        <v>1</v>
      </c>
      <c r="F1091" s="29">
        <f t="shared" si="53"/>
        <v>0</v>
      </c>
    </row>
    <row r="1092" spans="1:6" x14ac:dyDescent="0.25">
      <c r="A1092" s="24" t="s">
        <v>476</v>
      </c>
      <c r="B1092" s="61" t="s">
        <v>89</v>
      </c>
      <c r="C1092" s="38" t="s">
        <v>5</v>
      </c>
      <c r="D1092" s="27"/>
      <c r="E1092" s="44">
        <v>1</v>
      </c>
      <c r="F1092" s="29">
        <f t="shared" si="53"/>
        <v>0</v>
      </c>
    </row>
    <row r="1093" spans="1:6" x14ac:dyDescent="0.25">
      <c r="A1093" s="24" t="s">
        <v>477</v>
      </c>
      <c r="B1093" s="61" t="s">
        <v>89</v>
      </c>
      <c r="C1093" s="38" t="s">
        <v>5</v>
      </c>
      <c r="D1093" s="27"/>
      <c r="E1093" s="44">
        <v>39</v>
      </c>
      <c r="F1093" s="29">
        <f t="shared" si="53"/>
        <v>0</v>
      </c>
    </row>
    <row r="1094" spans="1:6" x14ac:dyDescent="0.25">
      <c r="A1094" s="24" t="s">
        <v>478</v>
      </c>
      <c r="B1094" s="61" t="s">
        <v>89</v>
      </c>
      <c r="C1094" s="38" t="s">
        <v>5</v>
      </c>
      <c r="D1094" s="27"/>
      <c r="E1094" s="44">
        <v>3</v>
      </c>
      <c r="F1094" s="29">
        <f t="shared" si="53"/>
        <v>0</v>
      </c>
    </row>
    <row r="1095" spans="1:6" x14ac:dyDescent="0.25">
      <c r="A1095" s="24" t="s">
        <v>545</v>
      </c>
      <c r="B1095" s="61" t="s">
        <v>89</v>
      </c>
      <c r="C1095" s="38" t="s">
        <v>5</v>
      </c>
      <c r="D1095" s="27"/>
      <c r="E1095" s="44">
        <v>1.2</v>
      </c>
      <c r="F1095" s="29">
        <f t="shared" si="53"/>
        <v>0</v>
      </c>
    </row>
    <row r="1096" spans="1:6" x14ac:dyDescent="0.25">
      <c r="A1096" s="24" t="s">
        <v>479</v>
      </c>
      <c r="B1096" s="61" t="s">
        <v>89</v>
      </c>
      <c r="C1096" s="38" t="s">
        <v>5</v>
      </c>
      <c r="D1096" s="27"/>
      <c r="E1096" s="44">
        <v>4.38</v>
      </c>
      <c r="F1096" s="29">
        <f t="shared" si="53"/>
        <v>0</v>
      </c>
    </row>
    <row r="1097" spans="1:6" x14ac:dyDescent="0.25">
      <c r="A1097" s="24" t="s">
        <v>480</v>
      </c>
      <c r="B1097" s="61" t="s">
        <v>89</v>
      </c>
      <c r="C1097" s="38" t="s">
        <v>5</v>
      </c>
      <c r="D1097" s="27"/>
      <c r="E1097" s="44">
        <v>3</v>
      </c>
      <c r="F1097" s="29">
        <f t="shared" si="53"/>
        <v>0</v>
      </c>
    </row>
    <row r="1098" spans="1:6" x14ac:dyDescent="0.25">
      <c r="A1098" s="24" t="s">
        <v>481</v>
      </c>
      <c r="B1098" s="61" t="s">
        <v>89</v>
      </c>
      <c r="C1098" s="38" t="s">
        <v>5</v>
      </c>
      <c r="D1098" s="27"/>
      <c r="E1098" s="44">
        <v>80</v>
      </c>
      <c r="F1098" s="29">
        <f t="shared" si="53"/>
        <v>0</v>
      </c>
    </row>
    <row r="1099" spans="1:6" x14ac:dyDescent="0.25">
      <c r="A1099" s="24" t="s">
        <v>482</v>
      </c>
      <c r="B1099" s="61" t="s">
        <v>89</v>
      </c>
      <c r="C1099" s="38" t="s">
        <v>5</v>
      </c>
      <c r="D1099" s="27"/>
      <c r="E1099" s="44">
        <v>120</v>
      </c>
      <c r="F1099" s="29">
        <f t="shared" si="53"/>
        <v>0</v>
      </c>
    </row>
    <row r="1100" spans="1:6" x14ac:dyDescent="0.25">
      <c r="A1100" s="24" t="s">
        <v>483</v>
      </c>
      <c r="B1100" s="61" t="s">
        <v>89</v>
      </c>
      <c r="C1100" s="38" t="s">
        <v>5</v>
      </c>
      <c r="D1100" s="27"/>
      <c r="E1100" s="44">
        <v>1.18</v>
      </c>
      <c r="F1100" s="29">
        <f t="shared" si="53"/>
        <v>0</v>
      </c>
    </row>
    <row r="1101" spans="1:6" x14ac:dyDescent="0.25">
      <c r="A1101" s="24" t="s">
        <v>548</v>
      </c>
      <c r="B1101" s="61" t="s">
        <v>89</v>
      </c>
      <c r="C1101" s="38" t="s">
        <v>5</v>
      </c>
      <c r="D1101" s="27"/>
      <c r="E1101" s="44">
        <v>28.29</v>
      </c>
      <c r="F1101" s="29">
        <f t="shared" si="53"/>
        <v>0</v>
      </c>
    </row>
    <row r="1102" spans="1:6" x14ac:dyDescent="0.25">
      <c r="A1102" s="24" t="s">
        <v>1440</v>
      </c>
      <c r="B1102" s="61" t="s">
        <v>89</v>
      </c>
      <c r="C1102" s="38" t="s">
        <v>5</v>
      </c>
      <c r="D1102" s="27"/>
      <c r="E1102" s="44">
        <v>28.29</v>
      </c>
      <c r="F1102" s="29">
        <f t="shared" si="53"/>
        <v>0</v>
      </c>
    </row>
    <row r="1103" spans="1:6" x14ac:dyDescent="0.25">
      <c r="A1103" s="24" t="s">
        <v>1441</v>
      </c>
      <c r="B1103" s="61" t="s">
        <v>89</v>
      </c>
      <c r="C1103" s="38" t="s">
        <v>5</v>
      </c>
      <c r="D1103" s="27"/>
      <c r="E1103" s="44">
        <v>29.99</v>
      </c>
      <c r="F1103" s="29">
        <f t="shared" si="53"/>
        <v>0</v>
      </c>
    </row>
    <row r="1104" spans="1:6" x14ac:dyDescent="0.25">
      <c r="A1104" s="24" t="s">
        <v>550</v>
      </c>
      <c r="B1104" s="61" t="s">
        <v>89</v>
      </c>
      <c r="C1104" s="38" t="s">
        <v>5</v>
      </c>
      <c r="D1104" s="27"/>
      <c r="E1104" s="44">
        <v>59.9</v>
      </c>
      <c r="F1104" s="29">
        <f t="shared" si="53"/>
        <v>0</v>
      </c>
    </row>
    <row r="1105" spans="1:6" x14ac:dyDescent="0.25">
      <c r="A1105" s="24" t="s">
        <v>549</v>
      </c>
      <c r="B1105" s="61" t="s">
        <v>89</v>
      </c>
      <c r="C1105" s="38" t="s">
        <v>5</v>
      </c>
      <c r="D1105" s="27"/>
      <c r="E1105" s="44">
        <v>59.9</v>
      </c>
      <c r="F1105" s="29">
        <f t="shared" ref="F1105:F1121" si="54">SUM(D1105*E1105)</f>
        <v>0</v>
      </c>
    </row>
    <row r="1106" spans="1:6" x14ac:dyDescent="0.25">
      <c r="A1106" s="24" t="s">
        <v>546</v>
      </c>
      <c r="B1106" s="61" t="s">
        <v>89</v>
      </c>
      <c r="C1106" s="38" t="s">
        <v>5</v>
      </c>
      <c r="D1106" s="27"/>
      <c r="E1106" s="44">
        <v>59.9</v>
      </c>
      <c r="F1106" s="29">
        <f t="shared" si="54"/>
        <v>0</v>
      </c>
    </row>
    <row r="1107" spans="1:6" x14ac:dyDescent="0.25">
      <c r="A1107" s="24" t="s">
        <v>547</v>
      </c>
      <c r="B1107" s="61" t="s">
        <v>89</v>
      </c>
      <c r="C1107" s="38" t="s">
        <v>5</v>
      </c>
      <c r="D1107" s="27"/>
      <c r="E1107" s="44">
        <v>17.5</v>
      </c>
      <c r="F1107" s="29">
        <f t="shared" si="54"/>
        <v>0</v>
      </c>
    </row>
    <row r="1108" spans="1:6" x14ac:dyDescent="0.25">
      <c r="A1108" s="24" t="s">
        <v>484</v>
      </c>
      <c r="B1108" s="61" t="s">
        <v>89</v>
      </c>
      <c r="C1108" s="38" t="s">
        <v>5</v>
      </c>
      <c r="D1108" s="27"/>
      <c r="E1108" s="44">
        <v>15</v>
      </c>
      <c r="F1108" s="29">
        <f t="shared" si="54"/>
        <v>0</v>
      </c>
    </row>
    <row r="1109" spans="1:6" x14ac:dyDescent="0.25">
      <c r="A1109" s="24" t="s">
        <v>551</v>
      </c>
      <c r="B1109" s="61" t="s">
        <v>89</v>
      </c>
      <c r="C1109" s="38" t="s">
        <v>5</v>
      </c>
      <c r="D1109" s="27"/>
      <c r="E1109" s="44">
        <v>6.97</v>
      </c>
      <c r="F1109" s="29">
        <f t="shared" si="54"/>
        <v>0</v>
      </c>
    </row>
    <row r="1110" spans="1:6" x14ac:dyDescent="0.25">
      <c r="A1110" s="24" t="s">
        <v>485</v>
      </c>
      <c r="B1110" s="61" t="s">
        <v>89</v>
      </c>
      <c r="C1110" s="38" t="s">
        <v>5</v>
      </c>
      <c r="D1110" s="27"/>
      <c r="E1110" s="44">
        <v>5.49</v>
      </c>
      <c r="F1110" s="29">
        <f t="shared" si="54"/>
        <v>0</v>
      </c>
    </row>
    <row r="1111" spans="1:6" x14ac:dyDescent="0.25">
      <c r="A1111" s="24" t="s">
        <v>486</v>
      </c>
      <c r="B1111" s="61" t="s">
        <v>89</v>
      </c>
      <c r="C1111" s="38" t="s">
        <v>5</v>
      </c>
      <c r="D1111" s="27"/>
      <c r="E1111" s="44">
        <v>22.76</v>
      </c>
      <c r="F1111" s="29">
        <f t="shared" si="54"/>
        <v>0</v>
      </c>
    </row>
    <row r="1112" spans="1:6" x14ac:dyDescent="0.25">
      <c r="A1112" s="24" t="s">
        <v>487</v>
      </c>
      <c r="B1112" s="61" t="s">
        <v>89</v>
      </c>
      <c r="C1112" s="38" t="s">
        <v>5</v>
      </c>
      <c r="D1112" s="27"/>
      <c r="E1112" s="44">
        <v>9.09</v>
      </c>
      <c r="F1112" s="29">
        <f t="shared" si="54"/>
        <v>0</v>
      </c>
    </row>
    <row r="1113" spans="1:6" x14ac:dyDescent="0.25">
      <c r="A1113" s="24" t="s">
        <v>488</v>
      </c>
      <c r="B1113" s="61" t="s">
        <v>89</v>
      </c>
      <c r="C1113" s="38" t="s">
        <v>5</v>
      </c>
      <c r="D1113" s="27"/>
      <c r="E1113" s="44">
        <v>5.22</v>
      </c>
      <c r="F1113" s="29">
        <f t="shared" si="54"/>
        <v>0</v>
      </c>
    </row>
    <row r="1114" spans="1:6" x14ac:dyDescent="0.25">
      <c r="A1114" s="24" t="s">
        <v>489</v>
      </c>
      <c r="B1114" s="61" t="s">
        <v>89</v>
      </c>
      <c r="C1114" s="38" t="s">
        <v>5</v>
      </c>
      <c r="D1114" s="27"/>
      <c r="E1114" s="44">
        <v>17.79</v>
      </c>
      <c r="F1114" s="29">
        <f t="shared" si="54"/>
        <v>0</v>
      </c>
    </row>
    <row r="1115" spans="1:6" x14ac:dyDescent="0.25">
      <c r="A1115" s="24" t="s">
        <v>490</v>
      </c>
      <c r="B1115" s="61" t="s">
        <v>89</v>
      </c>
      <c r="C1115" s="38" t="s">
        <v>5</v>
      </c>
      <c r="D1115" s="27"/>
      <c r="E1115" s="44">
        <v>2.94</v>
      </c>
      <c r="F1115" s="29">
        <f t="shared" si="54"/>
        <v>0</v>
      </c>
    </row>
    <row r="1116" spans="1:6" x14ac:dyDescent="0.25">
      <c r="A1116" s="24" t="s">
        <v>491</v>
      </c>
      <c r="B1116" s="61" t="s">
        <v>89</v>
      </c>
      <c r="C1116" s="38" t="s">
        <v>5</v>
      </c>
      <c r="D1116" s="27"/>
      <c r="E1116" s="44">
        <v>1.1200000000000001</v>
      </c>
      <c r="F1116" s="29">
        <f t="shared" si="54"/>
        <v>0</v>
      </c>
    </row>
    <row r="1117" spans="1:6" x14ac:dyDescent="0.25">
      <c r="A1117" s="24" t="s">
        <v>492</v>
      </c>
      <c r="B1117" s="61" t="s">
        <v>89</v>
      </c>
      <c r="C1117" s="38" t="s">
        <v>5</v>
      </c>
      <c r="D1117" s="27"/>
      <c r="E1117" s="44">
        <v>15.49</v>
      </c>
      <c r="F1117" s="29">
        <f t="shared" si="54"/>
        <v>0</v>
      </c>
    </row>
    <row r="1118" spans="1:6" x14ac:dyDescent="0.25">
      <c r="A1118" s="24" t="s">
        <v>493</v>
      </c>
      <c r="B1118" s="61" t="s">
        <v>89</v>
      </c>
      <c r="C1118" s="38" t="s">
        <v>5</v>
      </c>
      <c r="D1118" s="27"/>
      <c r="E1118" s="44">
        <v>5</v>
      </c>
      <c r="F1118" s="29">
        <f t="shared" si="54"/>
        <v>0</v>
      </c>
    </row>
    <row r="1119" spans="1:6" x14ac:dyDescent="0.25">
      <c r="A1119" s="57" t="s">
        <v>1226</v>
      </c>
      <c r="B1119" s="62" t="s">
        <v>89</v>
      </c>
      <c r="C1119" s="39" t="s">
        <v>5</v>
      </c>
      <c r="D1119" s="31"/>
      <c r="E1119" s="45">
        <v>4.49</v>
      </c>
      <c r="F1119" s="32">
        <f t="shared" si="54"/>
        <v>0</v>
      </c>
    </row>
    <row r="1120" spans="1:6" x14ac:dyDescent="0.25">
      <c r="A1120" s="24" t="s">
        <v>494</v>
      </c>
      <c r="B1120" s="61" t="s">
        <v>89</v>
      </c>
      <c r="C1120" s="38" t="s">
        <v>5</v>
      </c>
      <c r="D1120" s="27"/>
      <c r="E1120" s="44">
        <v>0.96</v>
      </c>
      <c r="F1120" s="29">
        <f t="shared" si="54"/>
        <v>0</v>
      </c>
    </row>
    <row r="1121" spans="1:6" x14ac:dyDescent="0.25">
      <c r="A1121" s="24" t="s">
        <v>495</v>
      </c>
      <c r="B1121" s="61" t="s">
        <v>89</v>
      </c>
      <c r="C1121" s="38" t="s">
        <v>5</v>
      </c>
      <c r="D1121" s="27"/>
      <c r="E1121" s="44">
        <v>4.2</v>
      </c>
      <c r="F1121" s="29">
        <f t="shared" si="54"/>
        <v>0</v>
      </c>
    </row>
    <row r="1122" spans="1:6" x14ac:dyDescent="0.25">
      <c r="A1122" s="36" t="s">
        <v>158</v>
      </c>
      <c r="B1122" s="61"/>
      <c r="C1122" s="38"/>
      <c r="D1122" s="27"/>
      <c r="E1122" s="44"/>
      <c r="F1122" s="29">
        <f t="shared" ref="F1122:F1127" si="55">SUM(D1122*E1122)</f>
        <v>0</v>
      </c>
    </row>
    <row r="1123" spans="1:6" x14ac:dyDescent="0.25">
      <c r="A1123" s="58" t="s">
        <v>90</v>
      </c>
      <c r="B1123" s="61"/>
      <c r="C1123" s="38"/>
      <c r="D1123" s="27"/>
      <c r="E1123" s="44"/>
      <c r="F1123" s="29">
        <f t="shared" si="55"/>
        <v>0</v>
      </c>
    </row>
    <row r="1124" spans="1:6" x14ac:dyDescent="0.25">
      <c r="A1124" s="36" t="s">
        <v>649</v>
      </c>
      <c r="B1124" s="61" t="s">
        <v>91</v>
      </c>
      <c r="C1124" s="38" t="s">
        <v>18</v>
      </c>
      <c r="D1124" s="27"/>
      <c r="E1124" s="44">
        <v>254.37</v>
      </c>
      <c r="F1124" s="29">
        <f t="shared" si="55"/>
        <v>0</v>
      </c>
    </row>
    <row r="1125" spans="1:6" x14ac:dyDescent="0.25">
      <c r="A1125" s="36" t="s">
        <v>158</v>
      </c>
      <c r="B1125" s="61"/>
      <c r="C1125" s="38"/>
      <c r="D1125" s="27"/>
      <c r="E1125" s="44"/>
      <c r="F1125" s="29">
        <f t="shared" si="55"/>
        <v>0</v>
      </c>
    </row>
    <row r="1126" spans="1:6" x14ac:dyDescent="0.25">
      <c r="A1126" s="53" t="s">
        <v>92</v>
      </c>
      <c r="B1126" s="61"/>
      <c r="C1126" s="38"/>
      <c r="D1126" s="27"/>
      <c r="E1126" s="44"/>
      <c r="F1126" s="29">
        <f t="shared" si="55"/>
        <v>0</v>
      </c>
    </row>
    <row r="1127" spans="1:6" s="1" customFormat="1" x14ac:dyDescent="0.25">
      <c r="A1127" s="54" t="s">
        <v>1442</v>
      </c>
      <c r="B1127" s="61" t="s">
        <v>93</v>
      </c>
      <c r="C1127" s="38" t="s">
        <v>25</v>
      </c>
      <c r="D1127" s="27"/>
      <c r="E1127" s="44">
        <v>6.3</v>
      </c>
      <c r="F1127" s="29">
        <f t="shared" si="55"/>
        <v>0</v>
      </c>
    </row>
    <row r="1128" spans="1:6" x14ac:dyDescent="0.25">
      <c r="A1128" s="36" t="s">
        <v>496</v>
      </c>
      <c r="B1128" s="61" t="s">
        <v>93</v>
      </c>
      <c r="C1128" s="38" t="s">
        <v>5</v>
      </c>
      <c r="D1128" s="27"/>
      <c r="E1128" s="44">
        <v>0.17799999999999999</v>
      </c>
      <c r="F1128" s="29">
        <f t="shared" ref="F1128:F1141" si="56">SUM(D1128*E1128)</f>
        <v>0</v>
      </c>
    </row>
    <row r="1129" spans="1:6" x14ac:dyDescent="0.25">
      <c r="A1129" s="24" t="s">
        <v>497</v>
      </c>
      <c r="B1129" s="61" t="s">
        <v>93</v>
      </c>
      <c r="C1129" s="38" t="s">
        <v>25</v>
      </c>
      <c r="D1129" s="27"/>
      <c r="E1129" s="44">
        <v>78</v>
      </c>
      <c r="F1129" s="29">
        <f t="shared" si="56"/>
        <v>0</v>
      </c>
    </row>
    <row r="1130" spans="1:6" x14ac:dyDescent="0.25">
      <c r="A1130" s="24" t="s">
        <v>498</v>
      </c>
      <c r="B1130" s="61" t="s">
        <v>93</v>
      </c>
      <c r="C1130" s="38" t="s">
        <v>25</v>
      </c>
      <c r="D1130" s="27"/>
      <c r="E1130" s="44">
        <v>78</v>
      </c>
      <c r="F1130" s="29">
        <f t="shared" si="56"/>
        <v>0</v>
      </c>
    </row>
    <row r="1131" spans="1:6" x14ac:dyDescent="0.25">
      <c r="A1131" s="24" t="s">
        <v>499</v>
      </c>
      <c r="B1131" s="61" t="s">
        <v>93</v>
      </c>
      <c r="C1131" s="38" t="s">
        <v>25</v>
      </c>
      <c r="D1131" s="27"/>
      <c r="E1131" s="44">
        <v>17</v>
      </c>
      <c r="F1131" s="29">
        <f t="shared" si="56"/>
        <v>0</v>
      </c>
    </row>
    <row r="1132" spans="1:6" x14ac:dyDescent="0.25">
      <c r="A1132" s="24" t="s">
        <v>500</v>
      </c>
      <c r="B1132" s="61" t="s">
        <v>93</v>
      </c>
      <c r="C1132" s="38" t="s">
        <v>25</v>
      </c>
      <c r="D1132" s="27"/>
      <c r="E1132" s="44">
        <v>20</v>
      </c>
      <c r="F1132" s="29">
        <f t="shared" si="56"/>
        <v>0</v>
      </c>
    </row>
    <row r="1133" spans="1:6" x14ac:dyDescent="0.25">
      <c r="A1133" s="24" t="s">
        <v>501</v>
      </c>
      <c r="B1133" s="61" t="s">
        <v>93</v>
      </c>
      <c r="C1133" s="38" t="s">
        <v>5</v>
      </c>
      <c r="D1133" s="27"/>
      <c r="E1133" s="44">
        <v>0.42799999999999999</v>
      </c>
      <c r="F1133" s="29">
        <f t="shared" si="56"/>
        <v>0</v>
      </c>
    </row>
    <row r="1134" spans="1:6" x14ac:dyDescent="0.25">
      <c r="A1134" s="24" t="s">
        <v>502</v>
      </c>
      <c r="B1134" s="61" t="s">
        <v>93</v>
      </c>
      <c r="C1134" s="38" t="s">
        <v>5</v>
      </c>
      <c r="D1134" s="27"/>
      <c r="E1134" s="44">
        <v>0.49399999999999999</v>
      </c>
      <c r="F1134" s="29">
        <f t="shared" si="56"/>
        <v>0</v>
      </c>
    </row>
    <row r="1135" spans="1:6" x14ac:dyDescent="0.25">
      <c r="A1135" s="24" t="s">
        <v>503</v>
      </c>
      <c r="B1135" s="61" t="s">
        <v>93</v>
      </c>
      <c r="C1135" s="38" t="s">
        <v>5</v>
      </c>
      <c r="D1135" s="27"/>
      <c r="E1135" s="44">
        <v>0.48599999999999999</v>
      </c>
      <c r="F1135" s="29">
        <f t="shared" si="56"/>
        <v>0</v>
      </c>
    </row>
    <row r="1136" spans="1:6" x14ac:dyDescent="0.25">
      <c r="A1136" s="24" t="s">
        <v>504</v>
      </c>
      <c r="B1136" s="61" t="s">
        <v>93</v>
      </c>
      <c r="C1136" s="38" t="s">
        <v>5</v>
      </c>
      <c r="D1136" s="27"/>
      <c r="E1136" s="44">
        <v>0.63500000000000001</v>
      </c>
      <c r="F1136" s="29">
        <f t="shared" si="56"/>
        <v>0</v>
      </c>
    </row>
    <row r="1137" spans="1:6" x14ac:dyDescent="0.25">
      <c r="A1137" s="24" t="s">
        <v>505</v>
      </c>
      <c r="B1137" s="61" t="s">
        <v>93</v>
      </c>
      <c r="C1137" s="38" t="s">
        <v>5</v>
      </c>
      <c r="D1137" s="27"/>
      <c r="E1137" s="44">
        <v>0.44500000000000001</v>
      </c>
      <c r="F1137" s="29">
        <f t="shared" si="56"/>
        <v>0</v>
      </c>
    </row>
    <row r="1138" spans="1:6" x14ac:dyDescent="0.25">
      <c r="A1138" s="24" t="s">
        <v>506</v>
      </c>
      <c r="B1138" s="61" t="s">
        <v>93</v>
      </c>
      <c r="C1138" s="38" t="s">
        <v>5</v>
      </c>
      <c r="D1138" s="27"/>
      <c r="E1138" s="44">
        <v>7.69</v>
      </c>
      <c r="F1138" s="29">
        <f t="shared" si="56"/>
        <v>0</v>
      </c>
    </row>
    <row r="1139" spans="1:6" x14ac:dyDescent="0.25">
      <c r="A1139" s="24" t="s">
        <v>509</v>
      </c>
      <c r="B1139" s="61" t="s">
        <v>93</v>
      </c>
      <c r="C1139" s="38" t="s">
        <v>5</v>
      </c>
      <c r="D1139" s="27"/>
      <c r="E1139" s="44">
        <v>3.55</v>
      </c>
      <c r="F1139" s="29">
        <f t="shared" si="56"/>
        <v>0</v>
      </c>
    </row>
    <row r="1140" spans="1:6" x14ac:dyDescent="0.25">
      <c r="A1140" s="24" t="s">
        <v>507</v>
      </c>
      <c r="B1140" s="61" t="s">
        <v>93</v>
      </c>
      <c r="C1140" s="38" t="s">
        <v>18</v>
      </c>
      <c r="D1140" s="27"/>
      <c r="E1140" s="44">
        <v>4.07</v>
      </c>
      <c r="F1140" s="29">
        <f t="shared" si="56"/>
        <v>0</v>
      </c>
    </row>
    <row r="1141" spans="1:6" x14ac:dyDescent="0.25">
      <c r="A1141" s="24" t="s">
        <v>508</v>
      </c>
      <c r="B1141" s="61" t="s">
        <v>93</v>
      </c>
      <c r="C1141" s="38" t="s">
        <v>18</v>
      </c>
      <c r="D1141" s="27"/>
      <c r="E1141" s="44">
        <v>25.8</v>
      </c>
      <c r="F1141" s="29">
        <f t="shared" si="56"/>
        <v>0</v>
      </c>
    </row>
    <row r="1142" spans="1:6" x14ac:dyDescent="0.25">
      <c r="A1142" s="36" t="s">
        <v>158</v>
      </c>
      <c r="B1142" s="61"/>
      <c r="C1142" s="38"/>
      <c r="D1142" s="27"/>
      <c r="E1142" s="44"/>
      <c r="F1142" s="29">
        <f t="shared" ref="F1142:F1143" si="57">SUM(D1142*E1142)</f>
        <v>0</v>
      </c>
    </row>
    <row r="1143" spans="1:6" x14ac:dyDescent="0.25">
      <c r="A1143" s="53" t="s">
        <v>94</v>
      </c>
      <c r="B1143" s="61"/>
      <c r="C1143" s="38"/>
      <c r="D1143" s="27"/>
      <c r="E1143" s="44"/>
      <c r="F1143" s="29">
        <f t="shared" si="57"/>
        <v>0</v>
      </c>
    </row>
    <row r="1144" spans="1:6" x14ac:dyDescent="0.25">
      <c r="A1144" s="24" t="s">
        <v>1108</v>
      </c>
      <c r="B1144" s="61" t="s">
        <v>95</v>
      </c>
      <c r="C1144" s="38" t="s">
        <v>18</v>
      </c>
      <c r="D1144" s="27"/>
      <c r="E1144" s="44">
        <v>2.35</v>
      </c>
      <c r="F1144" s="29">
        <f t="shared" ref="F1144:F1175" si="58">SUM(D1144*E1144)</f>
        <v>0</v>
      </c>
    </row>
    <row r="1145" spans="1:6" x14ac:dyDescent="0.25">
      <c r="A1145" s="24" t="s">
        <v>1109</v>
      </c>
      <c r="B1145" s="61" t="s">
        <v>95</v>
      </c>
      <c r="C1145" s="38" t="s">
        <v>20</v>
      </c>
      <c r="D1145" s="27"/>
      <c r="E1145" s="44">
        <v>2.44</v>
      </c>
      <c r="F1145" s="29">
        <f t="shared" si="58"/>
        <v>0</v>
      </c>
    </row>
    <row r="1146" spans="1:6" x14ac:dyDescent="0.25">
      <c r="A1146" s="24" t="s">
        <v>1110</v>
      </c>
      <c r="B1146" s="61" t="s">
        <v>95</v>
      </c>
      <c r="C1146" s="38" t="s">
        <v>18</v>
      </c>
      <c r="D1146" s="27"/>
      <c r="E1146" s="44">
        <v>0.93</v>
      </c>
      <c r="F1146" s="29">
        <f t="shared" si="58"/>
        <v>0</v>
      </c>
    </row>
    <row r="1147" spans="1:6" x14ac:dyDescent="0.25">
      <c r="A1147" s="24" t="s">
        <v>1111</v>
      </c>
      <c r="B1147" s="61" t="s">
        <v>95</v>
      </c>
      <c r="C1147" s="38" t="s">
        <v>17</v>
      </c>
      <c r="D1147" s="27"/>
      <c r="E1147" s="44">
        <v>0.3453</v>
      </c>
      <c r="F1147" s="29">
        <f t="shared" si="58"/>
        <v>0</v>
      </c>
    </row>
    <row r="1148" spans="1:6" x14ac:dyDescent="0.25">
      <c r="A1148" s="24" t="s">
        <v>1112</v>
      </c>
      <c r="B1148" s="61" t="s">
        <v>95</v>
      </c>
      <c r="C1148" s="38" t="s">
        <v>17</v>
      </c>
      <c r="D1148" s="27"/>
      <c r="E1148" s="44">
        <v>3.5499999999999997E-2</v>
      </c>
      <c r="F1148" s="29">
        <f t="shared" si="58"/>
        <v>0</v>
      </c>
    </row>
    <row r="1149" spans="1:6" x14ac:dyDescent="0.25">
      <c r="A1149" s="24" t="s">
        <v>1113</v>
      </c>
      <c r="B1149" s="61" t="s">
        <v>95</v>
      </c>
      <c r="C1149" s="38" t="s">
        <v>17</v>
      </c>
      <c r="D1149" s="27"/>
      <c r="E1149" s="44">
        <v>0.11990000000000001</v>
      </c>
      <c r="F1149" s="29">
        <f t="shared" si="58"/>
        <v>0</v>
      </c>
    </row>
    <row r="1150" spans="1:6" x14ac:dyDescent="0.25">
      <c r="A1150" s="24" t="s">
        <v>1114</v>
      </c>
      <c r="B1150" s="61" t="s">
        <v>95</v>
      </c>
      <c r="C1150" s="38" t="s">
        <v>18</v>
      </c>
      <c r="D1150" s="27"/>
      <c r="E1150" s="44">
        <v>8</v>
      </c>
      <c r="F1150" s="29">
        <f t="shared" si="58"/>
        <v>0</v>
      </c>
    </row>
    <row r="1151" spans="1:6" x14ac:dyDescent="0.25">
      <c r="A1151" s="24" t="s">
        <v>1115</v>
      </c>
      <c r="B1151" s="61" t="s">
        <v>95</v>
      </c>
      <c r="C1151" s="38" t="s">
        <v>18</v>
      </c>
      <c r="D1151" s="27"/>
      <c r="E1151" s="44">
        <v>3.4089999999999998</v>
      </c>
      <c r="F1151" s="29">
        <f t="shared" si="58"/>
        <v>0</v>
      </c>
    </row>
    <row r="1152" spans="1:6" x14ac:dyDescent="0.25">
      <c r="A1152" s="24" t="s">
        <v>1116</v>
      </c>
      <c r="B1152" s="61" t="s">
        <v>95</v>
      </c>
      <c r="C1152" s="38" t="s">
        <v>702</v>
      </c>
      <c r="D1152" s="27"/>
      <c r="E1152" s="44">
        <v>0.1799</v>
      </c>
      <c r="F1152" s="29">
        <f t="shared" si="58"/>
        <v>0</v>
      </c>
    </row>
    <row r="1153" spans="1:6" x14ac:dyDescent="0.25">
      <c r="A1153" s="24" t="s">
        <v>1117</v>
      </c>
      <c r="B1153" s="61" t="s">
        <v>95</v>
      </c>
      <c r="C1153" s="38" t="s">
        <v>17</v>
      </c>
      <c r="D1153" s="27"/>
      <c r="E1153" s="44">
        <v>4.9500000000000002E-2</v>
      </c>
      <c r="F1153" s="29">
        <f t="shared" si="58"/>
        <v>0</v>
      </c>
    </row>
    <row r="1154" spans="1:6" x14ac:dyDescent="0.25">
      <c r="A1154" s="24" t="s">
        <v>1118</v>
      </c>
      <c r="B1154" s="61" t="s">
        <v>95</v>
      </c>
      <c r="C1154" s="38" t="s">
        <v>17</v>
      </c>
      <c r="D1154" s="27"/>
      <c r="E1154" s="44">
        <v>2.4899999999999999E-2</v>
      </c>
      <c r="F1154" s="29">
        <f t="shared" si="58"/>
        <v>0</v>
      </c>
    </row>
    <row r="1155" spans="1:6" x14ac:dyDescent="0.25">
      <c r="A1155" s="24" t="s">
        <v>1119</v>
      </c>
      <c r="B1155" s="61" t="s">
        <v>95</v>
      </c>
      <c r="C1155" s="38" t="s">
        <v>17</v>
      </c>
      <c r="D1155" s="27"/>
      <c r="E1155" s="44">
        <v>0.03</v>
      </c>
      <c r="F1155" s="29">
        <f t="shared" si="58"/>
        <v>0</v>
      </c>
    </row>
    <row r="1156" spans="1:6" x14ac:dyDescent="0.25">
      <c r="A1156" s="24" t="s">
        <v>1120</v>
      </c>
      <c r="B1156" s="61" t="s">
        <v>95</v>
      </c>
      <c r="C1156" s="38" t="s">
        <v>18</v>
      </c>
      <c r="D1156" s="27"/>
      <c r="E1156" s="44">
        <v>3.9</v>
      </c>
      <c r="F1156" s="29">
        <f t="shared" si="58"/>
        <v>0</v>
      </c>
    </row>
    <row r="1157" spans="1:6" x14ac:dyDescent="0.25">
      <c r="A1157" s="24" t="s">
        <v>1121</v>
      </c>
      <c r="B1157" s="61" t="s">
        <v>95</v>
      </c>
      <c r="C1157" s="38" t="s">
        <v>18</v>
      </c>
      <c r="D1157" s="27"/>
      <c r="E1157" s="44">
        <v>5.4</v>
      </c>
      <c r="F1157" s="29">
        <f t="shared" si="58"/>
        <v>0</v>
      </c>
    </row>
    <row r="1158" spans="1:6" x14ac:dyDescent="0.25">
      <c r="A1158" s="24" t="s">
        <v>1122</v>
      </c>
      <c r="B1158" s="61" t="s">
        <v>95</v>
      </c>
      <c r="C1158" s="38" t="s">
        <v>17</v>
      </c>
      <c r="D1158" s="27"/>
      <c r="E1158" s="44">
        <v>0.20749999999999999</v>
      </c>
      <c r="F1158" s="29">
        <f t="shared" si="58"/>
        <v>0</v>
      </c>
    </row>
    <row r="1159" spans="1:6" x14ac:dyDescent="0.25">
      <c r="A1159" s="24" t="s">
        <v>1123</v>
      </c>
      <c r="B1159" s="61" t="s">
        <v>95</v>
      </c>
      <c r="C1159" s="38" t="s">
        <v>17</v>
      </c>
      <c r="D1159" s="27"/>
      <c r="E1159" s="44">
        <v>0.249</v>
      </c>
      <c r="F1159" s="29">
        <f t="shared" si="58"/>
        <v>0</v>
      </c>
    </row>
    <row r="1160" spans="1:6" x14ac:dyDescent="0.25">
      <c r="A1160" s="24" t="s">
        <v>1124</v>
      </c>
      <c r="B1160" s="61" t="s">
        <v>95</v>
      </c>
      <c r="C1160" s="38" t="s">
        <v>17</v>
      </c>
      <c r="D1160" s="27"/>
      <c r="E1160" s="44">
        <v>0.189</v>
      </c>
      <c r="F1160" s="29">
        <f t="shared" si="58"/>
        <v>0</v>
      </c>
    </row>
    <row r="1161" spans="1:6" x14ac:dyDescent="0.25">
      <c r="A1161" s="24" t="s">
        <v>1125</v>
      </c>
      <c r="B1161" s="61" t="s">
        <v>95</v>
      </c>
      <c r="C1161" s="38" t="s">
        <v>18</v>
      </c>
      <c r="D1161" s="27"/>
      <c r="E1161" s="44">
        <v>0.95</v>
      </c>
      <c r="F1161" s="29">
        <f t="shared" si="58"/>
        <v>0</v>
      </c>
    </row>
    <row r="1162" spans="1:6" x14ac:dyDescent="0.25">
      <c r="A1162" s="24" t="s">
        <v>1126</v>
      </c>
      <c r="B1162" s="61" t="s">
        <v>95</v>
      </c>
      <c r="C1162" s="38" t="s">
        <v>17</v>
      </c>
      <c r="D1162" s="27"/>
      <c r="E1162" s="44">
        <v>4.19E-2</v>
      </c>
      <c r="F1162" s="29">
        <f t="shared" si="58"/>
        <v>0</v>
      </c>
    </row>
    <row r="1163" spans="1:6" x14ac:dyDescent="0.25">
      <c r="A1163" s="24" t="s">
        <v>1127</v>
      </c>
      <c r="B1163" s="61" t="s">
        <v>95</v>
      </c>
      <c r="C1163" s="38" t="s">
        <v>18</v>
      </c>
      <c r="D1163" s="27"/>
      <c r="E1163" s="44">
        <v>2.65</v>
      </c>
      <c r="F1163" s="29">
        <f t="shared" si="58"/>
        <v>0</v>
      </c>
    </row>
    <row r="1164" spans="1:6" x14ac:dyDescent="0.25">
      <c r="A1164" s="24" t="s">
        <v>1128</v>
      </c>
      <c r="B1164" s="61" t="s">
        <v>95</v>
      </c>
      <c r="C1164" s="38" t="s">
        <v>18</v>
      </c>
      <c r="D1164" s="27"/>
      <c r="E1164" s="44">
        <v>2.7</v>
      </c>
      <c r="F1164" s="29">
        <f t="shared" si="58"/>
        <v>0</v>
      </c>
    </row>
    <row r="1165" spans="1:6" x14ac:dyDescent="0.25">
      <c r="A1165" s="24" t="s">
        <v>1129</v>
      </c>
      <c r="B1165" s="61" t="s">
        <v>95</v>
      </c>
      <c r="C1165" s="38" t="s">
        <v>17</v>
      </c>
      <c r="D1165" s="27"/>
      <c r="E1165" s="44">
        <v>0.13200000000000001</v>
      </c>
      <c r="F1165" s="29">
        <f t="shared" si="58"/>
        <v>0</v>
      </c>
    </row>
    <row r="1166" spans="1:6" x14ac:dyDescent="0.25">
      <c r="A1166" s="24" t="s">
        <v>1130</v>
      </c>
      <c r="B1166" s="61" t="s">
        <v>95</v>
      </c>
      <c r="C1166" s="38" t="s">
        <v>18</v>
      </c>
      <c r="D1166" s="27"/>
      <c r="E1166" s="44">
        <v>2.92</v>
      </c>
      <c r="F1166" s="29">
        <f t="shared" si="58"/>
        <v>0</v>
      </c>
    </row>
    <row r="1167" spans="1:6" x14ac:dyDescent="0.25">
      <c r="A1167" s="24" t="s">
        <v>1131</v>
      </c>
      <c r="B1167" s="61" t="s">
        <v>95</v>
      </c>
      <c r="C1167" s="38" t="s">
        <v>17</v>
      </c>
      <c r="D1167" s="27"/>
      <c r="E1167" s="44">
        <v>0.12</v>
      </c>
      <c r="F1167" s="29">
        <f t="shared" si="58"/>
        <v>0</v>
      </c>
    </row>
    <row r="1168" spans="1:6" x14ac:dyDescent="0.25">
      <c r="A1168" s="24" t="s">
        <v>1132</v>
      </c>
      <c r="B1168" s="61" t="s">
        <v>95</v>
      </c>
      <c r="C1168" s="38" t="s">
        <v>17</v>
      </c>
      <c r="D1168" s="27"/>
      <c r="E1168" s="44">
        <v>0.16900000000000001</v>
      </c>
      <c r="F1168" s="29">
        <f t="shared" si="58"/>
        <v>0</v>
      </c>
    </row>
    <row r="1169" spans="1:6" x14ac:dyDescent="0.25">
      <c r="A1169" s="24" t="s">
        <v>1155</v>
      </c>
      <c r="B1169" s="61" t="s">
        <v>95</v>
      </c>
      <c r="C1169" s="38" t="s">
        <v>18</v>
      </c>
      <c r="D1169" s="27"/>
      <c r="E1169" s="44">
        <v>2.4500000000000002</v>
      </c>
      <c r="F1169" s="29">
        <f t="shared" si="58"/>
        <v>0</v>
      </c>
    </row>
    <row r="1170" spans="1:6" x14ac:dyDescent="0.25">
      <c r="A1170" s="24" t="s">
        <v>1133</v>
      </c>
      <c r="B1170" s="61" t="s">
        <v>95</v>
      </c>
      <c r="C1170" s="38" t="s">
        <v>18</v>
      </c>
      <c r="D1170" s="27"/>
      <c r="E1170" s="44">
        <v>0.87</v>
      </c>
      <c r="F1170" s="29">
        <f t="shared" si="58"/>
        <v>0</v>
      </c>
    </row>
    <row r="1171" spans="1:6" x14ac:dyDescent="0.25">
      <c r="A1171" s="24" t="s">
        <v>1134</v>
      </c>
      <c r="B1171" s="61" t="s">
        <v>95</v>
      </c>
      <c r="C1171" s="38" t="s">
        <v>17</v>
      </c>
      <c r="D1171" s="27"/>
      <c r="E1171" s="44">
        <v>0.115</v>
      </c>
      <c r="F1171" s="29">
        <f t="shared" si="58"/>
        <v>0</v>
      </c>
    </row>
    <row r="1172" spans="1:6" x14ac:dyDescent="0.25">
      <c r="A1172" s="24" t="s">
        <v>1135</v>
      </c>
      <c r="B1172" s="61" t="s">
        <v>95</v>
      </c>
      <c r="C1172" s="38" t="s">
        <v>18</v>
      </c>
      <c r="D1172" s="27"/>
      <c r="E1172" s="44">
        <v>3.9</v>
      </c>
      <c r="F1172" s="29">
        <f t="shared" si="58"/>
        <v>0</v>
      </c>
    </row>
    <row r="1173" spans="1:6" x14ac:dyDescent="0.25">
      <c r="A1173" s="24" t="s">
        <v>1136</v>
      </c>
      <c r="B1173" s="61" t="s">
        <v>95</v>
      </c>
      <c r="C1173" s="38" t="s">
        <v>18</v>
      </c>
      <c r="D1173" s="27"/>
      <c r="E1173" s="44">
        <v>2.27</v>
      </c>
      <c r="F1173" s="29">
        <f t="shared" si="58"/>
        <v>0</v>
      </c>
    </row>
    <row r="1174" spans="1:6" x14ac:dyDescent="0.25">
      <c r="A1174" s="24" t="s">
        <v>1156</v>
      </c>
      <c r="B1174" s="61" t="s">
        <v>95</v>
      </c>
      <c r="C1174" s="38" t="s">
        <v>702</v>
      </c>
      <c r="D1174" s="27"/>
      <c r="E1174" s="44">
        <v>0.34499999999999997</v>
      </c>
      <c r="F1174" s="29">
        <f t="shared" si="58"/>
        <v>0</v>
      </c>
    </row>
    <row r="1175" spans="1:6" x14ac:dyDescent="0.25">
      <c r="A1175" s="24" t="s">
        <v>1157</v>
      </c>
      <c r="B1175" s="61" t="s">
        <v>95</v>
      </c>
      <c r="C1175" s="38" t="s">
        <v>702</v>
      </c>
      <c r="D1175" s="27"/>
      <c r="E1175" s="44">
        <v>0.37990000000000002</v>
      </c>
      <c r="F1175" s="29">
        <f t="shared" si="58"/>
        <v>0</v>
      </c>
    </row>
    <row r="1176" spans="1:6" x14ac:dyDescent="0.25">
      <c r="A1176" s="24" t="s">
        <v>1137</v>
      </c>
      <c r="B1176" s="61" t="s">
        <v>95</v>
      </c>
      <c r="C1176" s="38" t="s">
        <v>17</v>
      </c>
      <c r="D1176" s="27"/>
      <c r="E1176" s="44">
        <v>7.5499999999999998E-2</v>
      </c>
      <c r="F1176" s="29">
        <f t="shared" ref="F1176:F1195" si="59">SUM(D1176*E1176)</f>
        <v>0</v>
      </c>
    </row>
    <row r="1177" spans="1:6" x14ac:dyDescent="0.25">
      <c r="A1177" s="24" t="s">
        <v>1138</v>
      </c>
      <c r="B1177" s="61" t="s">
        <v>95</v>
      </c>
      <c r="C1177" s="38" t="s">
        <v>18</v>
      </c>
      <c r="D1177" s="27"/>
      <c r="E1177" s="44">
        <v>1.83</v>
      </c>
      <c r="F1177" s="29">
        <f t="shared" si="59"/>
        <v>0</v>
      </c>
    </row>
    <row r="1178" spans="1:6" x14ac:dyDescent="0.25">
      <c r="A1178" s="24" t="s">
        <v>1139</v>
      </c>
      <c r="B1178" s="61" t="s">
        <v>95</v>
      </c>
      <c r="C1178" s="38" t="s">
        <v>17</v>
      </c>
      <c r="D1178" s="27"/>
      <c r="E1178" s="44">
        <v>0.2</v>
      </c>
      <c r="F1178" s="29">
        <f t="shared" si="59"/>
        <v>0</v>
      </c>
    </row>
    <row r="1179" spans="1:6" x14ac:dyDescent="0.25">
      <c r="A1179" s="24" t="s">
        <v>1140</v>
      </c>
      <c r="B1179" s="61" t="s">
        <v>95</v>
      </c>
      <c r="C1179" s="38" t="s">
        <v>17</v>
      </c>
      <c r="D1179" s="27"/>
      <c r="E1179" s="44">
        <v>9.9000000000000005E-2</v>
      </c>
      <c r="F1179" s="29">
        <f t="shared" si="59"/>
        <v>0</v>
      </c>
    </row>
    <row r="1180" spans="1:6" x14ac:dyDescent="0.25">
      <c r="A1180" s="24" t="s">
        <v>1158</v>
      </c>
      <c r="B1180" s="61" t="s">
        <v>95</v>
      </c>
      <c r="C1180" s="38" t="s">
        <v>20</v>
      </c>
      <c r="D1180" s="27"/>
      <c r="E1180" s="44">
        <v>4</v>
      </c>
      <c r="F1180" s="29">
        <f t="shared" si="59"/>
        <v>0</v>
      </c>
    </row>
    <row r="1181" spans="1:6" x14ac:dyDescent="0.25">
      <c r="A1181" s="24" t="s">
        <v>1141</v>
      </c>
      <c r="B1181" s="61" t="s">
        <v>95</v>
      </c>
      <c r="C1181" s="38" t="s">
        <v>20</v>
      </c>
      <c r="D1181" s="27"/>
      <c r="E1181" s="44">
        <v>6.8</v>
      </c>
      <c r="F1181" s="29">
        <f t="shared" si="59"/>
        <v>0</v>
      </c>
    </row>
    <row r="1182" spans="1:6" x14ac:dyDescent="0.25">
      <c r="A1182" s="24" t="s">
        <v>1142</v>
      </c>
      <c r="B1182" s="61" t="s">
        <v>95</v>
      </c>
      <c r="C1182" s="38" t="s">
        <v>20</v>
      </c>
      <c r="D1182" s="27"/>
      <c r="E1182" s="44">
        <v>1.2</v>
      </c>
      <c r="F1182" s="29">
        <f t="shared" si="59"/>
        <v>0</v>
      </c>
    </row>
    <row r="1183" spans="1:6" x14ac:dyDescent="0.25">
      <c r="A1183" s="24" t="s">
        <v>1143</v>
      </c>
      <c r="B1183" s="61" t="s">
        <v>95</v>
      </c>
      <c r="C1183" s="38" t="s">
        <v>18</v>
      </c>
      <c r="D1183" s="27"/>
      <c r="E1183" s="44">
        <v>2.1</v>
      </c>
      <c r="F1183" s="29">
        <f t="shared" si="59"/>
        <v>0</v>
      </c>
    </row>
    <row r="1184" spans="1:6" x14ac:dyDescent="0.25">
      <c r="A1184" s="24" t="s">
        <v>1144</v>
      </c>
      <c r="B1184" s="61" t="s">
        <v>95</v>
      </c>
      <c r="C1184" s="38" t="s">
        <v>17</v>
      </c>
      <c r="D1184" s="27"/>
      <c r="E1184" s="44">
        <v>5.5E-2</v>
      </c>
      <c r="F1184" s="29">
        <f t="shared" si="59"/>
        <v>0</v>
      </c>
    </row>
    <row r="1185" spans="1:6" x14ac:dyDescent="0.25">
      <c r="A1185" s="24" t="s">
        <v>1145</v>
      </c>
      <c r="B1185" s="61" t="s">
        <v>95</v>
      </c>
      <c r="C1185" s="38" t="s">
        <v>17</v>
      </c>
      <c r="D1185" s="27"/>
      <c r="E1185" s="44">
        <v>0.04</v>
      </c>
      <c r="F1185" s="29">
        <f t="shared" si="59"/>
        <v>0</v>
      </c>
    </row>
    <row r="1186" spans="1:6" x14ac:dyDescent="0.25">
      <c r="A1186" s="24" t="s">
        <v>1146</v>
      </c>
      <c r="B1186" s="61" t="s">
        <v>95</v>
      </c>
      <c r="C1186" s="38" t="s">
        <v>18</v>
      </c>
      <c r="D1186" s="27"/>
      <c r="E1186" s="44">
        <v>5.89</v>
      </c>
      <c r="F1186" s="29">
        <f t="shared" si="59"/>
        <v>0</v>
      </c>
    </row>
    <row r="1187" spans="1:6" x14ac:dyDescent="0.25">
      <c r="A1187" s="24" t="s">
        <v>1147</v>
      </c>
      <c r="B1187" s="61" t="s">
        <v>95</v>
      </c>
      <c r="C1187" s="38" t="s">
        <v>18</v>
      </c>
      <c r="D1187" s="27"/>
      <c r="E1187" s="44">
        <v>2.8</v>
      </c>
      <c r="F1187" s="29">
        <f t="shared" si="59"/>
        <v>0</v>
      </c>
    </row>
    <row r="1188" spans="1:6" x14ac:dyDescent="0.25">
      <c r="A1188" s="24" t="s">
        <v>1148</v>
      </c>
      <c r="B1188" s="61" t="s">
        <v>95</v>
      </c>
      <c r="C1188" s="38" t="s">
        <v>17</v>
      </c>
      <c r="D1188" s="27"/>
      <c r="E1188" s="44">
        <v>0.46</v>
      </c>
      <c r="F1188" s="29">
        <f t="shared" si="59"/>
        <v>0</v>
      </c>
    </row>
    <row r="1189" spans="1:6" x14ac:dyDescent="0.25">
      <c r="A1189" s="24" t="s">
        <v>1149</v>
      </c>
      <c r="B1189" s="61" t="s">
        <v>95</v>
      </c>
      <c r="C1189" s="38" t="s">
        <v>17</v>
      </c>
      <c r="D1189" s="27"/>
      <c r="E1189" s="44">
        <v>7.4999999999999997E-2</v>
      </c>
      <c r="F1189" s="29">
        <f t="shared" si="59"/>
        <v>0</v>
      </c>
    </row>
    <row r="1190" spans="1:6" ht="24" x14ac:dyDescent="0.25">
      <c r="A1190" s="24" t="s">
        <v>1151</v>
      </c>
      <c r="B1190" s="61" t="s">
        <v>95</v>
      </c>
      <c r="C1190" s="38" t="s">
        <v>18</v>
      </c>
      <c r="D1190" s="27"/>
      <c r="E1190" s="44">
        <v>1.29</v>
      </c>
      <c r="F1190" s="29">
        <f t="shared" si="59"/>
        <v>0</v>
      </c>
    </row>
    <row r="1191" spans="1:6" x14ac:dyDescent="0.25">
      <c r="A1191" s="24" t="s">
        <v>1150</v>
      </c>
      <c r="B1191" s="61" t="s">
        <v>95</v>
      </c>
      <c r="C1191" s="38" t="s">
        <v>17</v>
      </c>
      <c r="D1191" s="27"/>
      <c r="E1191" s="44">
        <v>0.2</v>
      </c>
      <c r="F1191" s="29">
        <f t="shared" si="59"/>
        <v>0</v>
      </c>
    </row>
    <row r="1192" spans="1:6" x14ac:dyDescent="0.25">
      <c r="A1192" s="24" t="s">
        <v>1152</v>
      </c>
      <c r="B1192" s="61" t="s">
        <v>95</v>
      </c>
      <c r="C1192" s="38" t="s">
        <v>702</v>
      </c>
      <c r="D1192" s="27"/>
      <c r="E1192" s="44">
        <v>0.13</v>
      </c>
      <c r="F1192" s="29">
        <f t="shared" si="59"/>
        <v>0</v>
      </c>
    </row>
    <row r="1193" spans="1:6" x14ac:dyDescent="0.25">
      <c r="A1193" s="24" t="s">
        <v>1153</v>
      </c>
      <c r="B1193" s="61" t="s">
        <v>95</v>
      </c>
      <c r="C1193" s="38" t="s">
        <v>17</v>
      </c>
      <c r="D1193" s="27"/>
      <c r="E1193" s="44">
        <v>0.16500000000000001</v>
      </c>
      <c r="F1193" s="29">
        <f t="shared" si="59"/>
        <v>0</v>
      </c>
    </row>
    <row r="1194" spans="1:6" x14ac:dyDescent="0.25">
      <c r="A1194" s="24" t="s">
        <v>1159</v>
      </c>
      <c r="B1194" s="61" t="s">
        <v>95</v>
      </c>
      <c r="C1194" s="38" t="s">
        <v>18</v>
      </c>
      <c r="D1194" s="27"/>
      <c r="E1194" s="44">
        <v>2.19</v>
      </c>
      <c r="F1194" s="29">
        <f t="shared" si="59"/>
        <v>0</v>
      </c>
    </row>
    <row r="1195" spans="1:6" x14ac:dyDescent="0.25">
      <c r="A1195" s="24" t="s">
        <v>1154</v>
      </c>
      <c r="B1195" s="61" t="s">
        <v>95</v>
      </c>
      <c r="C1195" s="38" t="s">
        <v>17</v>
      </c>
      <c r="D1195" s="27"/>
      <c r="E1195" s="44">
        <v>7.3999999999999996E-2</v>
      </c>
      <c r="F1195" s="29">
        <f t="shared" si="59"/>
        <v>0</v>
      </c>
    </row>
    <row r="1196" spans="1:6" x14ac:dyDescent="0.25">
      <c r="A1196" s="36" t="s">
        <v>158</v>
      </c>
      <c r="B1196" s="61"/>
      <c r="C1196" s="38"/>
      <c r="D1196" s="27"/>
      <c r="E1196" s="44"/>
      <c r="F1196" s="29">
        <f t="shared" ref="F1196:F1207" si="60">SUM(D1196*E1196)</f>
        <v>0</v>
      </c>
    </row>
    <row r="1197" spans="1:6" x14ac:dyDescent="0.25">
      <c r="A1197" s="58" t="s">
        <v>96</v>
      </c>
      <c r="B1197" s="61"/>
      <c r="C1197" s="38"/>
      <c r="D1197" s="27"/>
      <c r="E1197" s="44"/>
      <c r="F1197" s="29">
        <f t="shared" si="60"/>
        <v>0</v>
      </c>
    </row>
    <row r="1198" spans="1:6" x14ac:dyDescent="0.25">
      <c r="A1198" s="24" t="s">
        <v>1421</v>
      </c>
      <c r="B1198" s="61" t="s">
        <v>97</v>
      </c>
      <c r="C1198" s="38" t="s">
        <v>70</v>
      </c>
      <c r="D1198" s="27"/>
      <c r="E1198" s="44">
        <v>37.9</v>
      </c>
      <c r="F1198" s="29">
        <f t="shared" ref="F1198:F1205" si="61">SUM(D1198*E1198)</f>
        <v>0</v>
      </c>
    </row>
    <row r="1199" spans="1:6" x14ac:dyDescent="0.25">
      <c r="A1199" s="24" t="s">
        <v>1422</v>
      </c>
      <c r="B1199" s="61" t="s">
        <v>97</v>
      </c>
      <c r="C1199" s="38" t="s">
        <v>70</v>
      </c>
      <c r="D1199" s="27"/>
      <c r="E1199" s="44">
        <v>85</v>
      </c>
      <c r="F1199" s="29">
        <f t="shared" si="61"/>
        <v>0</v>
      </c>
    </row>
    <row r="1200" spans="1:6" x14ac:dyDescent="0.25">
      <c r="A1200" s="24" t="s">
        <v>1423</v>
      </c>
      <c r="B1200" s="61" t="s">
        <v>97</v>
      </c>
      <c r="C1200" s="38" t="s">
        <v>70</v>
      </c>
      <c r="D1200" s="27"/>
      <c r="E1200" s="44">
        <v>18.13</v>
      </c>
      <c r="F1200" s="29">
        <f t="shared" si="61"/>
        <v>0</v>
      </c>
    </row>
    <row r="1201" spans="1:6" x14ac:dyDescent="0.25">
      <c r="A1201" s="24" t="s">
        <v>1424</v>
      </c>
      <c r="B1201" s="61" t="s">
        <v>97</v>
      </c>
      <c r="C1201" s="38" t="s">
        <v>70</v>
      </c>
      <c r="D1201" s="27"/>
      <c r="E1201" s="44">
        <v>140</v>
      </c>
      <c r="F1201" s="29">
        <f t="shared" si="61"/>
        <v>0</v>
      </c>
    </row>
    <row r="1202" spans="1:6" x14ac:dyDescent="0.25">
      <c r="A1202" s="24" t="s">
        <v>1426</v>
      </c>
      <c r="B1202" s="61" t="s">
        <v>97</v>
      </c>
      <c r="C1202" s="38" t="s">
        <v>70</v>
      </c>
      <c r="D1202" s="27"/>
      <c r="E1202" s="44">
        <v>27.52</v>
      </c>
      <c r="F1202" s="29">
        <f t="shared" si="61"/>
        <v>0</v>
      </c>
    </row>
    <row r="1203" spans="1:6" x14ac:dyDescent="0.25">
      <c r="A1203" s="24" t="s">
        <v>1425</v>
      </c>
      <c r="B1203" s="61" t="s">
        <v>97</v>
      </c>
      <c r="C1203" s="38" t="s">
        <v>70</v>
      </c>
      <c r="D1203" s="27"/>
      <c r="E1203" s="44">
        <v>10.08</v>
      </c>
      <c r="F1203" s="29">
        <f t="shared" si="61"/>
        <v>0</v>
      </c>
    </row>
    <row r="1204" spans="1:6" x14ac:dyDescent="0.25">
      <c r="A1204" s="24" t="s">
        <v>1032</v>
      </c>
      <c r="B1204" s="61" t="s">
        <v>97</v>
      </c>
      <c r="C1204" s="38" t="s">
        <v>70</v>
      </c>
      <c r="D1204" s="27"/>
      <c r="E1204" s="44">
        <v>88.82</v>
      </c>
      <c r="F1204" s="29">
        <f t="shared" si="61"/>
        <v>0</v>
      </c>
    </row>
    <row r="1205" spans="1:6" x14ac:dyDescent="0.25">
      <c r="A1205" s="24" t="s">
        <v>1427</v>
      </c>
      <c r="B1205" s="61" t="s">
        <v>97</v>
      </c>
      <c r="C1205" s="38" t="s">
        <v>70</v>
      </c>
      <c r="D1205" s="27"/>
      <c r="E1205" s="44">
        <v>15.89</v>
      </c>
      <c r="F1205" s="29">
        <f t="shared" si="61"/>
        <v>0</v>
      </c>
    </row>
    <row r="1206" spans="1:6" x14ac:dyDescent="0.25">
      <c r="A1206" s="65" t="s">
        <v>158</v>
      </c>
      <c r="B1206" s="61"/>
      <c r="C1206" s="38"/>
      <c r="D1206" s="27"/>
      <c r="E1206" s="44"/>
      <c r="F1206" s="29">
        <f t="shared" si="60"/>
        <v>0</v>
      </c>
    </row>
    <row r="1207" spans="1:6" x14ac:dyDescent="0.25">
      <c r="A1207" s="58" t="s">
        <v>98</v>
      </c>
      <c r="B1207" s="61"/>
      <c r="C1207" s="38"/>
      <c r="D1207" s="27"/>
      <c r="E1207" s="44"/>
      <c r="F1207" s="29">
        <f t="shared" si="60"/>
        <v>0</v>
      </c>
    </row>
    <row r="1208" spans="1:6" x14ac:dyDescent="0.25">
      <c r="A1208" s="64" t="s">
        <v>1017</v>
      </c>
      <c r="B1208" s="61" t="s">
        <v>99</v>
      </c>
      <c r="C1208" s="38" t="s">
        <v>18</v>
      </c>
      <c r="D1208" s="27"/>
      <c r="E1208" s="44">
        <v>52.25</v>
      </c>
      <c r="F1208" s="29">
        <f>SUM(D1208*E1208)</f>
        <v>0</v>
      </c>
    </row>
    <row r="1209" spans="1:6" x14ac:dyDescent="0.25">
      <c r="A1209" s="64" t="s">
        <v>1018</v>
      </c>
      <c r="B1209" s="61" t="s">
        <v>99</v>
      </c>
      <c r="C1209" s="38" t="s">
        <v>18</v>
      </c>
      <c r="D1209" s="27"/>
      <c r="E1209" s="44">
        <v>14.98</v>
      </c>
      <c r="F1209" s="29">
        <f>SUM(D1209*E1209)</f>
        <v>0</v>
      </c>
    </row>
    <row r="1210" spans="1:6" x14ac:dyDescent="0.25">
      <c r="A1210" s="64" t="s">
        <v>1228</v>
      </c>
      <c r="B1210" s="61" t="s">
        <v>99</v>
      </c>
      <c r="C1210" s="38" t="s">
        <v>20</v>
      </c>
      <c r="D1210" s="27"/>
      <c r="E1210" s="44">
        <v>8.74</v>
      </c>
      <c r="F1210" s="29">
        <f>SUM(D1210*E1210)</f>
        <v>0</v>
      </c>
    </row>
    <row r="1211" spans="1:6" x14ac:dyDescent="0.25">
      <c r="A1211" s="64" t="s">
        <v>1227</v>
      </c>
      <c r="B1211" s="61" t="s">
        <v>99</v>
      </c>
      <c r="C1211" s="38" t="s">
        <v>18</v>
      </c>
      <c r="D1211" s="27"/>
      <c r="E1211" s="44">
        <v>10.64</v>
      </c>
      <c r="F1211" s="29">
        <f>SUM(D1211*E1211)</f>
        <v>0</v>
      </c>
    </row>
    <row r="1212" spans="1:6" x14ac:dyDescent="0.25">
      <c r="A1212" s="64" t="s">
        <v>1229</v>
      </c>
      <c r="B1212" s="61" t="s">
        <v>99</v>
      </c>
      <c r="C1212" s="38" t="s">
        <v>18</v>
      </c>
      <c r="D1212" s="27"/>
      <c r="E1212" s="44">
        <v>32.450000000000003</v>
      </c>
      <c r="F1212" s="29">
        <f>SUM(D1212*E1212)</f>
        <v>0</v>
      </c>
    </row>
    <row r="1213" spans="1:6" x14ac:dyDescent="0.25">
      <c r="A1213" s="36" t="s">
        <v>158</v>
      </c>
      <c r="B1213" s="61"/>
      <c r="C1213" s="38"/>
      <c r="D1213" s="27"/>
      <c r="E1213" s="44" t="s">
        <v>100</v>
      </c>
      <c r="F1213" s="29"/>
    </row>
    <row r="1214" spans="1:6" x14ac:dyDescent="0.25">
      <c r="A1214" s="58" t="s">
        <v>101</v>
      </c>
      <c r="B1214" s="61"/>
      <c r="C1214" s="38"/>
      <c r="D1214" s="27"/>
      <c r="E1214" s="44"/>
      <c r="F1214" s="29"/>
    </row>
    <row r="1215" spans="1:6" s="1" customFormat="1" x14ac:dyDescent="0.25">
      <c r="A1215" s="24" t="s">
        <v>1443</v>
      </c>
      <c r="B1215" s="61" t="s">
        <v>102</v>
      </c>
      <c r="C1215" s="38" t="s">
        <v>17</v>
      </c>
      <c r="D1215" s="27"/>
      <c r="E1215" s="44">
        <v>3.24</v>
      </c>
      <c r="F1215" s="29"/>
    </row>
    <row r="1216" spans="1:6" x14ac:dyDescent="0.25">
      <c r="A1216" s="24" t="s">
        <v>557</v>
      </c>
      <c r="B1216" s="61" t="s">
        <v>102</v>
      </c>
      <c r="C1216" s="38" t="s">
        <v>17</v>
      </c>
      <c r="D1216" s="27"/>
      <c r="E1216" s="44">
        <v>0.52500000000000002</v>
      </c>
      <c r="F1216" s="29">
        <f t="shared" ref="F1216:F1244" si="62">SUM(D1216*E1216)</f>
        <v>0</v>
      </c>
    </row>
    <row r="1217" spans="1:6" x14ac:dyDescent="0.25">
      <c r="A1217" s="24" t="s">
        <v>1249</v>
      </c>
      <c r="B1217" s="61" t="s">
        <v>102</v>
      </c>
      <c r="C1217" s="38" t="s">
        <v>17</v>
      </c>
      <c r="D1217" s="27"/>
      <c r="E1217" s="44">
        <v>1.2969999999999999</v>
      </c>
      <c r="F1217" s="29">
        <f t="shared" si="62"/>
        <v>0</v>
      </c>
    </row>
    <row r="1218" spans="1:6" x14ac:dyDescent="0.25">
      <c r="A1218" s="24" t="s">
        <v>1248</v>
      </c>
      <c r="B1218" s="61" t="s">
        <v>102</v>
      </c>
      <c r="C1218" s="38" t="s">
        <v>17</v>
      </c>
      <c r="D1218" s="27"/>
      <c r="E1218" s="44">
        <v>3.04</v>
      </c>
      <c r="F1218" s="29">
        <f t="shared" si="62"/>
        <v>0</v>
      </c>
    </row>
    <row r="1219" spans="1:6" x14ac:dyDescent="0.25">
      <c r="A1219" s="24" t="s">
        <v>1250</v>
      </c>
      <c r="B1219" s="61" t="s">
        <v>102</v>
      </c>
      <c r="C1219" s="38" t="s">
        <v>17</v>
      </c>
      <c r="D1219" s="27"/>
      <c r="E1219" s="44">
        <v>3.09</v>
      </c>
      <c r="F1219" s="29">
        <f t="shared" si="62"/>
        <v>0</v>
      </c>
    </row>
    <row r="1220" spans="1:6" x14ac:dyDescent="0.25">
      <c r="A1220" s="24" t="s">
        <v>558</v>
      </c>
      <c r="B1220" s="61" t="s">
        <v>102</v>
      </c>
      <c r="C1220" s="38" t="s">
        <v>17</v>
      </c>
      <c r="D1220" s="27"/>
      <c r="E1220" s="44">
        <v>1.2969999999999999</v>
      </c>
      <c r="F1220" s="29">
        <f t="shared" si="62"/>
        <v>0</v>
      </c>
    </row>
    <row r="1221" spans="1:6" x14ac:dyDescent="0.25">
      <c r="A1221" s="24" t="s">
        <v>559</v>
      </c>
      <c r="B1221" s="61" t="s">
        <v>102</v>
      </c>
      <c r="C1221" s="38" t="s">
        <v>17</v>
      </c>
      <c r="D1221" s="27"/>
      <c r="E1221" s="44">
        <v>3.4182000000000001</v>
      </c>
      <c r="F1221" s="29">
        <f t="shared" si="62"/>
        <v>0</v>
      </c>
    </row>
    <row r="1222" spans="1:6" s="1" customFormat="1" x14ac:dyDescent="0.25">
      <c r="A1222" s="24" t="s">
        <v>510</v>
      </c>
      <c r="B1222" s="61" t="s">
        <v>102</v>
      </c>
      <c r="C1222" s="38" t="s">
        <v>20</v>
      </c>
      <c r="D1222" s="27"/>
      <c r="E1222" s="44">
        <v>57.62</v>
      </c>
      <c r="F1222" s="29">
        <f t="shared" si="62"/>
        <v>0</v>
      </c>
    </row>
    <row r="1223" spans="1:6" x14ac:dyDescent="0.25">
      <c r="A1223" s="24" t="s">
        <v>1254</v>
      </c>
      <c r="B1223" s="61" t="s">
        <v>102</v>
      </c>
      <c r="C1223" s="38" t="s">
        <v>17</v>
      </c>
      <c r="D1223" s="27"/>
      <c r="E1223" s="44">
        <v>0.55000000000000004</v>
      </c>
      <c r="F1223" s="29">
        <f t="shared" si="62"/>
        <v>0</v>
      </c>
    </row>
    <row r="1224" spans="1:6" x14ac:dyDescent="0.25">
      <c r="A1224" s="24" t="s">
        <v>1252</v>
      </c>
      <c r="B1224" s="61" t="s">
        <v>102</v>
      </c>
      <c r="C1224" s="38" t="s">
        <v>18</v>
      </c>
      <c r="D1224" s="27"/>
      <c r="E1224" s="44">
        <v>6.6</v>
      </c>
      <c r="F1224" s="29">
        <f t="shared" si="62"/>
        <v>0</v>
      </c>
    </row>
    <row r="1225" spans="1:6" x14ac:dyDescent="0.25">
      <c r="A1225" s="24" t="s">
        <v>560</v>
      </c>
      <c r="B1225" s="61" t="s">
        <v>102</v>
      </c>
      <c r="C1225" s="38" t="s">
        <v>17</v>
      </c>
      <c r="D1225" s="27"/>
      <c r="E1225" s="44">
        <v>0.14099999999999999</v>
      </c>
      <c r="F1225" s="29">
        <f t="shared" si="62"/>
        <v>0</v>
      </c>
    </row>
    <row r="1226" spans="1:6" s="1" customFormat="1" x14ac:dyDescent="0.25">
      <c r="A1226" s="24" t="s">
        <v>1251</v>
      </c>
      <c r="B1226" s="61" t="s">
        <v>102</v>
      </c>
      <c r="C1226" s="38" t="s">
        <v>17</v>
      </c>
      <c r="D1226" s="27"/>
      <c r="E1226" s="44">
        <v>72.03</v>
      </c>
      <c r="F1226" s="29">
        <f t="shared" si="62"/>
        <v>0</v>
      </c>
    </row>
    <row r="1227" spans="1:6" x14ac:dyDescent="0.25">
      <c r="A1227" s="24" t="s">
        <v>561</v>
      </c>
      <c r="B1227" s="61" t="s">
        <v>102</v>
      </c>
      <c r="C1227" s="38" t="s">
        <v>17</v>
      </c>
      <c r="D1227" s="27"/>
      <c r="E1227" s="44">
        <v>0.249</v>
      </c>
      <c r="F1227" s="29">
        <f t="shared" si="62"/>
        <v>0</v>
      </c>
    </row>
    <row r="1228" spans="1:6" x14ac:dyDescent="0.25">
      <c r="A1228" s="24" t="s">
        <v>573</v>
      </c>
      <c r="B1228" s="61" t="s">
        <v>102</v>
      </c>
      <c r="C1228" s="38" t="s">
        <v>17</v>
      </c>
      <c r="D1228" s="27"/>
      <c r="E1228" s="44">
        <v>0.33300000000000002</v>
      </c>
      <c r="F1228" s="29">
        <f t="shared" si="62"/>
        <v>0</v>
      </c>
    </row>
    <row r="1229" spans="1:6" x14ac:dyDescent="0.25">
      <c r="A1229" s="24" t="s">
        <v>1253</v>
      </c>
      <c r="B1229" s="61" t="s">
        <v>102</v>
      </c>
      <c r="C1229" s="38" t="s">
        <v>17</v>
      </c>
      <c r="D1229" s="27"/>
      <c r="E1229" s="44">
        <v>1.2669999999999999</v>
      </c>
      <c r="F1229" s="29">
        <f t="shared" si="62"/>
        <v>0</v>
      </c>
    </row>
    <row r="1230" spans="1:6" x14ac:dyDescent="0.25">
      <c r="A1230" s="24" t="s">
        <v>562</v>
      </c>
      <c r="B1230" s="61" t="s">
        <v>102</v>
      </c>
      <c r="C1230" s="38" t="s">
        <v>18</v>
      </c>
      <c r="D1230" s="27"/>
      <c r="E1230" s="44">
        <v>10.4299</v>
      </c>
      <c r="F1230" s="29">
        <f t="shared" si="62"/>
        <v>0</v>
      </c>
    </row>
    <row r="1231" spans="1:6" x14ac:dyDescent="0.25">
      <c r="A1231" s="24" t="s">
        <v>1444</v>
      </c>
      <c r="B1231" s="61" t="s">
        <v>102</v>
      </c>
      <c r="C1231" s="38" t="s">
        <v>17</v>
      </c>
      <c r="D1231" s="27"/>
      <c r="E1231" s="44">
        <v>0.37</v>
      </c>
      <c r="F1231" s="29">
        <f t="shared" si="62"/>
        <v>0</v>
      </c>
    </row>
    <row r="1232" spans="1:6" x14ac:dyDescent="0.25">
      <c r="A1232" s="24" t="s">
        <v>563</v>
      </c>
      <c r="B1232" s="61" t="s">
        <v>102</v>
      </c>
      <c r="C1232" s="38" t="s">
        <v>17</v>
      </c>
      <c r="D1232" s="27"/>
      <c r="E1232" s="44">
        <v>0.93500000000000005</v>
      </c>
      <c r="F1232" s="29">
        <f t="shared" si="62"/>
        <v>0</v>
      </c>
    </row>
    <row r="1233" spans="1:6" x14ac:dyDescent="0.25">
      <c r="A1233" s="24" t="s">
        <v>564</v>
      </c>
      <c r="B1233" s="61" t="s">
        <v>102</v>
      </c>
      <c r="C1233" s="38" t="s">
        <v>103</v>
      </c>
      <c r="D1233" s="27"/>
      <c r="E1233" s="44">
        <v>7.0286</v>
      </c>
      <c r="F1233" s="29">
        <f t="shared" si="62"/>
        <v>0</v>
      </c>
    </row>
    <row r="1234" spans="1:6" x14ac:dyDescent="0.25">
      <c r="A1234" s="24" t="s">
        <v>565</v>
      </c>
      <c r="B1234" s="61" t="s">
        <v>102</v>
      </c>
      <c r="C1234" s="38" t="s">
        <v>103</v>
      </c>
      <c r="D1234" s="27"/>
      <c r="E1234" s="44">
        <v>7.3442999999999996</v>
      </c>
      <c r="F1234" s="29">
        <f t="shared" si="62"/>
        <v>0</v>
      </c>
    </row>
    <row r="1235" spans="1:6" x14ac:dyDescent="0.25">
      <c r="A1235" s="24" t="s">
        <v>566</v>
      </c>
      <c r="B1235" s="61" t="s">
        <v>102</v>
      </c>
      <c r="C1235" s="38" t="s">
        <v>103</v>
      </c>
      <c r="D1235" s="27"/>
      <c r="E1235" s="44">
        <v>6.7129000000000003</v>
      </c>
      <c r="F1235" s="29">
        <f t="shared" si="62"/>
        <v>0</v>
      </c>
    </row>
    <row r="1236" spans="1:6" x14ac:dyDescent="0.25">
      <c r="A1236" s="24" t="s">
        <v>567</v>
      </c>
      <c r="B1236" s="61" t="s">
        <v>102</v>
      </c>
      <c r="C1236" s="38" t="s">
        <v>17</v>
      </c>
      <c r="D1236" s="27"/>
      <c r="E1236" s="44">
        <v>1.294</v>
      </c>
      <c r="F1236" s="29">
        <f t="shared" si="62"/>
        <v>0</v>
      </c>
    </row>
    <row r="1237" spans="1:6" x14ac:dyDescent="0.25">
      <c r="A1237" s="24" t="s">
        <v>572</v>
      </c>
      <c r="B1237" s="61" t="s">
        <v>102</v>
      </c>
      <c r="C1237" s="38"/>
      <c r="D1237" s="27"/>
      <c r="E1237" s="44">
        <v>0.43</v>
      </c>
      <c r="F1237" s="29">
        <f t="shared" si="62"/>
        <v>0</v>
      </c>
    </row>
    <row r="1238" spans="1:6" x14ac:dyDescent="0.25">
      <c r="A1238" s="24" t="s">
        <v>1445</v>
      </c>
      <c r="B1238" s="61" t="s">
        <v>102</v>
      </c>
      <c r="C1238" s="38" t="s">
        <v>18</v>
      </c>
      <c r="D1238" s="27"/>
      <c r="E1238" s="44">
        <v>8.93</v>
      </c>
      <c r="F1238" s="29">
        <f t="shared" si="62"/>
        <v>0</v>
      </c>
    </row>
    <row r="1239" spans="1:6" x14ac:dyDescent="0.25">
      <c r="A1239" s="24" t="s">
        <v>568</v>
      </c>
      <c r="B1239" s="61" t="s">
        <v>102</v>
      </c>
      <c r="C1239" s="38" t="s">
        <v>18</v>
      </c>
      <c r="D1239" s="27"/>
      <c r="E1239" s="44">
        <v>30.64</v>
      </c>
      <c r="F1239" s="29">
        <f t="shared" si="62"/>
        <v>0</v>
      </c>
    </row>
    <row r="1240" spans="1:6" x14ac:dyDescent="0.25">
      <c r="A1240" s="24" t="s">
        <v>569</v>
      </c>
      <c r="B1240" s="61" t="s">
        <v>102</v>
      </c>
      <c r="C1240" s="38" t="s">
        <v>20</v>
      </c>
      <c r="D1240" s="27"/>
      <c r="E1240" s="44">
        <v>17.21</v>
      </c>
      <c r="F1240" s="29">
        <f t="shared" si="62"/>
        <v>0</v>
      </c>
    </row>
    <row r="1241" spans="1:6" x14ac:dyDescent="0.25">
      <c r="A1241" s="24" t="s">
        <v>1247</v>
      </c>
      <c r="B1241" s="61" t="s">
        <v>102</v>
      </c>
      <c r="C1241" s="38" t="s">
        <v>17</v>
      </c>
      <c r="D1241" s="27"/>
      <c r="E1241" s="44">
        <v>1.379</v>
      </c>
      <c r="F1241" s="29">
        <f t="shared" si="62"/>
        <v>0</v>
      </c>
    </row>
    <row r="1242" spans="1:6" s="1" customFormat="1" x14ac:dyDescent="0.25">
      <c r="A1242" s="24" t="s">
        <v>1446</v>
      </c>
      <c r="B1242" s="61" t="s">
        <v>102</v>
      </c>
      <c r="C1242" s="38" t="s">
        <v>18</v>
      </c>
      <c r="D1242" s="27"/>
      <c r="E1242" s="44">
        <v>43</v>
      </c>
      <c r="F1242" s="29">
        <f t="shared" si="62"/>
        <v>0</v>
      </c>
    </row>
    <row r="1243" spans="1:6" x14ac:dyDescent="0.25">
      <c r="A1243" s="24" t="s">
        <v>571</v>
      </c>
      <c r="B1243" s="61" t="s">
        <v>102</v>
      </c>
      <c r="C1243" s="38" t="s">
        <v>17</v>
      </c>
      <c r="D1243" s="27"/>
      <c r="E1243" s="44">
        <v>0.2878</v>
      </c>
      <c r="F1243" s="29">
        <f t="shared" si="62"/>
        <v>0</v>
      </c>
    </row>
    <row r="1244" spans="1:6" x14ac:dyDescent="0.25">
      <c r="A1244" s="24" t="s">
        <v>570</v>
      </c>
      <c r="B1244" s="61" t="s">
        <v>102</v>
      </c>
      <c r="C1244" s="38" t="s">
        <v>17</v>
      </c>
      <c r="D1244" s="27"/>
      <c r="E1244" s="44">
        <v>9.3899999999999997E-2</v>
      </c>
      <c r="F1244" s="29">
        <f t="shared" si="62"/>
        <v>0</v>
      </c>
    </row>
    <row r="1245" spans="1:6" x14ac:dyDescent="0.25">
      <c r="A1245" s="36" t="s">
        <v>158</v>
      </c>
      <c r="B1245" s="61"/>
      <c r="C1245" s="38"/>
      <c r="D1245" s="27"/>
      <c r="E1245" s="44"/>
      <c r="F1245" s="29">
        <f t="shared" ref="F1245:F1286" si="63">SUM(D1245*E1245)</f>
        <v>0</v>
      </c>
    </row>
    <row r="1246" spans="1:6" x14ac:dyDescent="0.25">
      <c r="A1246" s="58" t="s">
        <v>105</v>
      </c>
      <c r="B1246" s="61"/>
      <c r="C1246" s="38"/>
      <c r="D1246" s="27"/>
      <c r="E1246" s="44"/>
      <c r="F1246" s="29">
        <f t="shared" si="63"/>
        <v>0</v>
      </c>
    </row>
    <row r="1247" spans="1:6" x14ac:dyDescent="0.25">
      <c r="A1247" s="24" t="s">
        <v>511</v>
      </c>
      <c r="B1247" s="61" t="s">
        <v>104</v>
      </c>
      <c r="C1247" s="38" t="s">
        <v>58</v>
      </c>
      <c r="D1247" s="27"/>
      <c r="E1247" s="44">
        <v>1.1299999999999999</v>
      </c>
      <c r="F1247" s="29">
        <f t="shared" ref="F1247:F1255" si="64">SUM(D1247*E1247)</f>
        <v>0</v>
      </c>
    </row>
    <row r="1248" spans="1:6" x14ac:dyDescent="0.25">
      <c r="A1248" s="24" t="s">
        <v>512</v>
      </c>
      <c r="B1248" s="61" t="s">
        <v>104</v>
      </c>
      <c r="C1248" s="38" t="s">
        <v>58</v>
      </c>
      <c r="D1248" s="27"/>
      <c r="E1248" s="44">
        <v>3.59</v>
      </c>
      <c r="F1248" s="29">
        <f t="shared" si="64"/>
        <v>0</v>
      </c>
    </row>
    <row r="1249" spans="1:6" x14ac:dyDescent="0.25">
      <c r="A1249" s="24" t="s">
        <v>513</v>
      </c>
      <c r="B1249" s="61" t="s">
        <v>104</v>
      </c>
      <c r="C1249" s="38" t="s">
        <v>5</v>
      </c>
      <c r="D1249" s="27"/>
      <c r="E1249" s="44">
        <v>6.17</v>
      </c>
      <c r="F1249" s="29">
        <f t="shared" si="64"/>
        <v>0</v>
      </c>
    </row>
    <row r="1250" spans="1:6" x14ac:dyDescent="0.25">
      <c r="A1250" s="24" t="s">
        <v>514</v>
      </c>
      <c r="B1250" s="61" t="s">
        <v>104</v>
      </c>
      <c r="C1250" s="38"/>
      <c r="D1250" s="27"/>
      <c r="E1250" s="44">
        <v>66.849999999999994</v>
      </c>
      <c r="F1250" s="29">
        <f t="shared" si="64"/>
        <v>0</v>
      </c>
    </row>
    <row r="1251" spans="1:6" x14ac:dyDescent="0.25">
      <c r="A1251" s="24" t="s">
        <v>515</v>
      </c>
      <c r="B1251" s="61" t="s">
        <v>104</v>
      </c>
      <c r="C1251" s="38"/>
      <c r="D1251" s="27"/>
      <c r="E1251" s="44">
        <v>67.55</v>
      </c>
      <c r="F1251" s="29">
        <f t="shared" si="64"/>
        <v>0</v>
      </c>
    </row>
    <row r="1252" spans="1:6" x14ac:dyDescent="0.25">
      <c r="A1252" s="24" t="s">
        <v>516</v>
      </c>
      <c r="B1252" s="61" t="s">
        <v>104</v>
      </c>
      <c r="C1252" s="38"/>
      <c r="D1252" s="27"/>
      <c r="E1252" s="44">
        <v>14.19</v>
      </c>
      <c r="F1252" s="29">
        <f t="shared" si="64"/>
        <v>0</v>
      </c>
    </row>
    <row r="1253" spans="1:6" x14ac:dyDescent="0.25">
      <c r="A1253" s="24" t="s">
        <v>597</v>
      </c>
      <c r="B1253" s="61" t="s">
        <v>104</v>
      </c>
      <c r="C1253" s="38"/>
      <c r="D1253" s="27"/>
      <c r="E1253" s="44">
        <v>32.68</v>
      </c>
      <c r="F1253" s="29">
        <f t="shared" si="64"/>
        <v>0</v>
      </c>
    </row>
    <row r="1254" spans="1:6" x14ac:dyDescent="0.25">
      <c r="A1254" s="24" t="s">
        <v>598</v>
      </c>
      <c r="B1254" s="61" t="s">
        <v>104</v>
      </c>
      <c r="C1254" s="38"/>
      <c r="D1254" s="27"/>
      <c r="E1254" s="44">
        <v>34.99</v>
      </c>
      <c r="F1254" s="29">
        <f t="shared" si="64"/>
        <v>0</v>
      </c>
    </row>
    <row r="1255" spans="1:6" x14ac:dyDescent="0.25">
      <c r="A1255" s="24" t="s">
        <v>517</v>
      </c>
      <c r="B1255" s="61" t="s">
        <v>104</v>
      </c>
      <c r="C1255" s="38"/>
      <c r="D1255" s="27"/>
      <c r="E1255" s="44">
        <v>32.479999999999997</v>
      </c>
      <c r="F1255" s="29">
        <f t="shared" si="64"/>
        <v>0</v>
      </c>
    </row>
    <row r="1256" spans="1:6" x14ac:dyDescent="0.25">
      <c r="A1256" s="36" t="s">
        <v>158</v>
      </c>
      <c r="B1256" s="61"/>
      <c r="C1256" s="38"/>
      <c r="D1256" s="27"/>
      <c r="E1256" s="44"/>
      <c r="F1256" s="29">
        <f t="shared" si="63"/>
        <v>0</v>
      </c>
    </row>
    <row r="1257" spans="1:6" x14ac:dyDescent="0.25">
      <c r="A1257" s="58" t="s">
        <v>106</v>
      </c>
      <c r="B1257" s="61"/>
      <c r="C1257" s="38"/>
      <c r="D1257" s="27"/>
      <c r="E1257" s="44"/>
      <c r="F1257" s="29">
        <f t="shared" si="63"/>
        <v>0</v>
      </c>
    </row>
    <row r="1258" spans="1:6" x14ac:dyDescent="0.25">
      <c r="A1258" s="24" t="s">
        <v>995</v>
      </c>
      <c r="B1258" s="61" t="s">
        <v>107</v>
      </c>
      <c r="C1258" s="38" t="s">
        <v>17</v>
      </c>
      <c r="D1258" s="27"/>
      <c r="E1258" s="44">
        <v>5.7799999999999997E-2</v>
      </c>
      <c r="F1258" s="29">
        <f t="shared" ref="F1258:F1279" si="65">SUM(D1258*E1258)</f>
        <v>0</v>
      </c>
    </row>
    <row r="1259" spans="1:6" x14ac:dyDescent="0.25">
      <c r="A1259" s="24" t="s">
        <v>996</v>
      </c>
      <c r="B1259" s="61" t="s">
        <v>107</v>
      </c>
      <c r="C1259" s="38" t="s">
        <v>17</v>
      </c>
      <c r="D1259" s="27"/>
      <c r="E1259" s="44">
        <v>5.0900000000000001E-2</v>
      </c>
      <c r="F1259" s="29">
        <f t="shared" si="65"/>
        <v>0</v>
      </c>
    </row>
    <row r="1260" spans="1:6" x14ac:dyDescent="0.25">
      <c r="A1260" s="24" t="s">
        <v>997</v>
      </c>
      <c r="B1260" s="61" t="s">
        <v>107</v>
      </c>
      <c r="C1260" s="38" t="s">
        <v>17</v>
      </c>
      <c r="D1260" s="27"/>
      <c r="E1260" s="44">
        <v>0.2492</v>
      </c>
      <c r="F1260" s="29">
        <f t="shared" si="65"/>
        <v>0</v>
      </c>
    </row>
    <row r="1261" spans="1:6" x14ac:dyDescent="0.25">
      <c r="A1261" s="24" t="s">
        <v>998</v>
      </c>
      <c r="B1261" s="61" t="s">
        <v>107</v>
      </c>
      <c r="C1261" s="38" t="s">
        <v>17</v>
      </c>
      <c r="D1261" s="27"/>
      <c r="E1261" s="44">
        <v>9.0399999999999994E-2</v>
      </c>
      <c r="F1261" s="29">
        <f t="shared" si="65"/>
        <v>0</v>
      </c>
    </row>
    <row r="1262" spans="1:6" x14ac:dyDescent="0.25">
      <c r="A1262" s="24" t="s">
        <v>999</v>
      </c>
      <c r="B1262" s="61" t="s">
        <v>107</v>
      </c>
      <c r="C1262" s="38" t="s">
        <v>20</v>
      </c>
      <c r="D1262" s="27"/>
      <c r="E1262" s="44">
        <v>2.7193999999999998</v>
      </c>
      <c r="F1262" s="29">
        <f t="shared" si="65"/>
        <v>0</v>
      </c>
    </row>
    <row r="1263" spans="1:6" ht="24" x14ac:dyDescent="0.25">
      <c r="A1263" s="24" t="s">
        <v>1001</v>
      </c>
      <c r="B1263" s="61" t="s">
        <v>107</v>
      </c>
      <c r="C1263" s="38" t="s">
        <v>18</v>
      </c>
      <c r="D1263" s="27"/>
      <c r="E1263" s="44">
        <v>3.1999</v>
      </c>
      <c r="F1263" s="29">
        <f t="shared" si="65"/>
        <v>0</v>
      </c>
    </row>
    <row r="1264" spans="1:6" x14ac:dyDescent="0.25">
      <c r="A1264" s="24" t="s">
        <v>1002</v>
      </c>
      <c r="B1264" s="61" t="s">
        <v>107</v>
      </c>
      <c r="C1264" s="38" t="s">
        <v>17</v>
      </c>
      <c r="D1264" s="27"/>
      <c r="E1264" s="44">
        <v>4.2700000000000002E-2</v>
      </c>
      <c r="F1264" s="29">
        <f t="shared" si="65"/>
        <v>0</v>
      </c>
    </row>
    <row r="1265" spans="1:6" ht="24" x14ac:dyDescent="0.25">
      <c r="A1265" s="24" t="s">
        <v>1004</v>
      </c>
      <c r="B1265" s="61" t="s">
        <v>107</v>
      </c>
      <c r="C1265" s="38" t="s">
        <v>18</v>
      </c>
      <c r="D1265" s="27"/>
      <c r="E1265" s="44">
        <v>2.84</v>
      </c>
      <c r="F1265" s="29">
        <f t="shared" si="65"/>
        <v>0</v>
      </c>
    </row>
    <row r="1266" spans="1:6" x14ac:dyDescent="0.25">
      <c r="A1266" s="24" t="s">
        <v>1003</v>
      </c>
      <c r="B1266" s="61" t="s">
        <v>107</v>
      </c>
      <c r="C1266" s="38" t="s">
        <v>18</v>
      </c>
      <c r="D1266" s="27"/>
      <c r="E1266" s="44">
        <v>8.1998999999999995</v>
      </c>
      <c r="F1266" s="29">
        <f t="shared" si="65"/>
        <v>0</v>
      </c>
    </row>
    <row r="1267" spans="1:6" x14ac:dyDescent="0.25">
      <c r="A1267" s="24" t="s">
        <v>1005</v>
      </c>
      <c r="B1267" s="61" t="s">
        <v>107</v>
      </c>
      <c r="C1267" s="38" t="s">
        <v>18</v>
      </c>
      <c r="D1267" s="27"/>
      <c r="E1267" s="44">
        <v>3.4483999999999999</v>
      </c>
      <c r="F1267" s="29">
        <f t="shared" si="65"/>
        <v>0</v>
      </c>
    </row>
    <row r="1268" spans="1:6" x14ac:dyDescent="0.25">
      <c r="A1268" s="24" t="s">
        <v>1006</v>
      </c>
      <c r="B1268" s="61" t="s">
        <v>107</v>
      </c>
      <c r="C1268" s="38" t="s">
        <v>42</v>
      </c>
      <c r="D1268" s="27"/>
      <c r="E1268" s="44">
        <v>26.95</v>
      </c>
      <c r="F1268" s="29">
        <f t="shared" si="65"/>
        <v>0</v>
      </c>
    </row>
    <row r="1269" spans="1:6" x14ac:dyDescent="0.25">
      <c r="A1269" s="24" t="s">
        <v>1007</v>
      </c>
      <c r="B1269" s="61" t="s">
        <v>107</v>
      </c>
      <c r="C1269" s="38" t="s">
        <v>17</v>
      </c>
      <c r="D1269" s="27"/>
      <c r="E1269" s="44">
        <v>0.52139999999999997</v>
      </c>
      <c r="F1269" s="29">
        <f t="shared" si="65"/>
        <v>0</v>
      </c>
    </row>
    <row r="1270" spans="1:6" x14ac:dyDescent="0.25">
      <c r="A1270" s="24" t="s">
        <v>1008</v>
      </c>
      <c r="B1270" s="61" t="s">
        <v>107</v>
      </c>
      <c r="C1270" s="38" t="s">
        <v>17</v>
      </c>
      <c r="D1270" s="27"/>
      <c r="E1270" s="44">
        <v>6.5000000000000002E-2</v>
      </c>
      <c r="F1270" s="29">
        <f t="shared" si="65"/>
        <v>0</v>
      </c>
    </row>
    <row r="1271" spans="1:6" x14ac:dyDescent="0.25">
      <c r="A1271" s="24" t="s">
        <v>1009</v>
      </c>
      <c r="B1271" s="61" t="s">
        <v>107</v>
      </c>
      <c r="C1271" s="38" t="s">
        <v>17</v>
      </c>
      <c r="D1271" s="27"/>
      <c r="E1271" s="44">
        <v>0.65790000000000004</v>
      </c>
      <c r="F1271" s="29">
        <f t="shared" si="65"/>
        <v>0</v>
      </c>
    </row>
    <row r="1272" spans="1:6" x14ac:dyDescent="0.25">
      <c r="A1272" s="24" t="s">
        <v>1447</v>
      </c>
      <c r="B1272" s="61" t="s">
        <v>107</v>
      </c>
      <c r="C1272" s="38" t="s">
        <v>17</v>
      </c>
      <c r="D1272" s="27"/>
      <c r="E1272" s="44">
        <v>0.88990000000000002</v>
      </c>
      <c r="F1272" s="29">
        <f t="shared" si="65"/>
        <v>0</v>
      </c>
    </row>
    <row r="1273" spans="1:6" ht="24" x14ac:dyDescent="0.25">
      <c r="A1273" s="24" t="s">
        <v>1010</v>
      </c>
      <c r="B1273" s="61" t="s">
        <v>107</v>
      </c>
      <c r="C1273" s="38" t="s">
        <v>17</v>
      </c>
      <c r="D1273" s="27"/>
      <c r="E1273" s="44">
        <v>0.11990000000000001</v>
      </c>
      <c r="F1273" s="29">
        <f t="shared" si="65"/>
        <v>0</v>
      </c>
    </row>
    <row r="1274" spans="1:6" x14ac:dyDescent="0.25">
      <c r="A1274" s="24" t="s">
        <v>1011</v>
      </c>
      <c r="B1274" s="61" t="s">
        <v>107</v>
      </c>
      <c r="C1274" s="38" t="s">
        <v>17</v>
      </c>
      <c r="D1274" s="27"/>
      <c r="E1274" s="44">
        <v>0.69879999999999998</v>
      </c>
      <c r="F1274" s="29">
        <f t="shared" si="65"/>
        <v>0</v>
      </c>
    </row>
    <row r="1275" spans="1:6" x14ac:dyDescent="0.25">
      <c r="A1275" s="24" t="s">
        <v>1012</v>
      </c>
      <c r="B1275" s="61" t="s">
        <v>107</v>
      </c>
      <c r="C1275" s="38" t="s">
        <v>17</v>
      </c>
      <c r="D1275" s="27"/>
      <c r="E1275" s="44">
        <v>0.37319999999999998</v>
      </c>
      <c r="F1275" s="29">
        <f t="shared" si="65"/>
        <v>0</v>
      </c>
    </row>
    <row r="1276" spans="1:6" x14ac:dyDescent="0.25">
      <c r="A1276" s="24" t="s">
        <v>1013</v>
      </c>
      <c r="B1276" s="61" t="s">
        <v>107</v>
      </c>
      <c r="C1276" s="38" t="s">
        <v>17</v>
      </c>
      <c r="D1276" s="27"/>
      <c r="E1276" s="44">
        <v>0.1918</v>
      </c>
      <c r="F1276" s="29">
        <f t="shared" si="65"/>
        <v>0</v>
      </c>
    </row>
    <row r="1277" spans="1:6" x14ac:dyDescent="0.25">
      <c r="A1277" s="24" t="s">
        <v>1014</v>
      </c>
      <c r="B1277" s="61" t="s">
        <v>107</v>
      </c>
      <c r="C1277" s="38" t="s">
        <v>17</v>
      </c>
      <c r="D1277" s="27"/>
      <c r="E1277" s="44">
        <v>1</v>
      </c>
      <c r="F1277" s="29">
        <f t="shared" si="65"/>
        <v>0</v>
      </c>
    </row>
    <row r="1278" spans="1:6" x14ac:dyDescent="0.25">
      <c r="A1278" s="24" t="s">
        <v>1015</v>
      </c>
      <c r="B1278" s="61" t="s">
        <v>107</v>
      </c>
      <c r="C1278" s="38" t="s">
        <v>17</v>
      </c>
      <c r="D1278" s="27"/>
      <c r="E1278" s="44">
        <v>0.4869</v>
      </c>
      <c r="F1278" s="29">
        <f t="shared" si="65"/>
        <v>0</v>
      </c>
    </row>
    <row r="1279" spans="1:6" x14ac:dyDescent="0.25">
      <c r="A1279" s="24" t="s">
        <v>1000</v>
      </c>
      <c r="B1279" s="61" t="s">
        <v>107</v>
      </c>
      <c r="C1279" s="38" t="s">
        <v>17</v>
      </c>
      <c r="D1279" s="27"/>
      <c r="E1279" s="44">
        <v>18.4999</v>
      </c>
      <c r="F1279" s="29">
        <f t="shared" si="65"/>
        <v>0</v>
      </c>
    </row>
    <row r="1280" spans="1:6" x14ac:dyDescent="0.25">
      <c r="A1280" s="36" t="s">
        <v>158</v>
      </c>
      <c r="B1280" s="61"/>
      <c r="C1280" s="38"/>
      <c r="D1280" s="27"/>
      <c r="E1280" s="44"/>
      <c r="F1280" s="29">
        <f t="shared" si="63"/>
        <v>0</v>
      </c>
    </row>
    <row r="1281" spans="1:7" x14ac:dyDescent="0.25">
      <c r="A1281" s="58" t="s">
        <v>108</v>
      </c>
      <c r="B1281" s="61"/>
      <c r="C1281" s="38"/>
      <c r="D1281" s="27"/>
      <c r="E1281" s="44"/>
      <c r="F1281" s="29">
        <f t="shared" si="63"/>
        <v>0</v>
      </c>
    </row>
    <row r="1282" spans="1:7" x14ac:dyDescent="0.25">
      <c r="A1282" s="24" t="s">
        <v>1260</v>
      </c>
      <c r="B1282" s="61" t="s">
        <v>109</v>
      </c>
      <c r="C1282" s="38" t="s">
        <v>16</v>
      </c>
      <c r="D1282" s="27"/>
      <c r="E1282" s="44">
        <v>0.1174</v>
      </c>
      <c r="F1282" s="29">
        <f>SUM(D1282*E1282)</f>
        <v>0</v>
      </c>
    </row>
    <row r="1283" spans="1:7" x14ac:dyDescent="0.25">
      <c r="A1283" s="24" t="s">
        <v>1261</v>
      </c>
      <c r="B1283" s="61" t="s">
        <v>109</v>
      </c>
      <c r="C1283" s="38" t="s">
        <v>16</v>
      </c>
      <c r="D1283" s="27"/>
      <c r="E1283" s="44">
        <v>0.1177</v>
      </c>
      <c r="F1283" s="29">
        <f>SUM(D1283*E1283)</f>
        <v>0</v>
      </c>
      <c r="G1283" s="23"/>
    </row>
    <row r="1284" spans="1:7" x14ac:dyDescent="0.25">
      <c r="A1284" s="24" t="s">
        <v>1262</v>
      </c>
      <c r="B1284" s="61" t="s">
        <v>109</v>
      </c>
      <c r="C1284" s="38" t="s">
        <v>53</v>
      </c>
      <c r="D1284" s="27"/>
      <c r="E1284" s="44">
        <v>0.96440000000000003</v>
      </c>
      <c r="F1284" s="29">
        <f>SUM(D1284*E1284)</f>
        <v>0</v>
      </c>
    </row>
    <row r="1285" spans="1:7" x14ac:dyDescent="0.25">
      <c r="A1285" s="24" t="s">
        <v>1263</v>
      </c>
      <c r="B1285" s="61" t="s">
        <v>109</v>
      </c>
      <c r="C1285" s="38" t="s">
        <v>18</v>
      </c>
      <c r="D1285" s="27"/>
      <c r="E1285" s="44">
        <v>2.61</v>
      </c>
      <c r="F1285" s="29">
        <f>SUM(D1285*E1285)</f>
        <v>0</v>
      </c>
    </row>
    <row r="1286" spans="1:7" x14ac:dyDescent="0.25">
      <c r="A1286" s="36" t="s">
        <v>158</v>
      </c>
      <c r="B1286" s="61"/>
      <c r="C1286" s="38"/>
      <c r="D1286" s="27"/>
      <c r="E1286" s="44"/>
      <c r="F1286" s="29">
        <f t="shared" si="63"/>
        <v>0</v>
      </c>
    </row>
    <row r="1287" spans="1:7" x14ac:dyDescent="0.25">
      <c r="A1287" s="58" t="s">
        <v>1100</v>
      </c>
      <c r="B1287" s="61"/>
      <c r="C1287" s="38"/>
      <c r="D1287" s="27"/>
      <c r="E1287" s="44"/>
      <c r="F1287" s="29">
        <f t="shared" ref="F1287:F1291" si="66">SUM(D1287*E1287)</f>
        <v>0</v>
      </c>
    </row>
    <row r="1288" spans="1:7" x14ac:dyDescent="0.25">
      <c r="A1288" s="24" t="s">
        <v>1101</v>
      </c>
      <c r="B1288" s="61" t="s">
        <v>637</v>
      </c>
      <c r="C1288" s="38" t="s">
        <v>70</v>
      </c>
      <c r="D1288" s="27"/>
      <c r="E1288" s="44">
        <v>10</v>
      </c>
      <c r="F1288" s="29">
        <f>SUM(D1288*E1288)</f>
        <v>0</v>
      </c>
    </row>
    <row r="1289" spans="1:7" x14ac:dyDescent="0.25">
      <c r="A1289" s="24" t="s">
        <v>1102</v>
      </c>
      <c r="B1289" s="61" t="s">
        <v>637</v>
      </c>
      <c r="C1289" s="38" t="s">
        <v>70</v>
      </c>
      <c r="D1289" s="27"/>
      <c r="E1289" s="44">
        <v>11</v>
      </c>
      <c r="F1289" s="29">
        <f>SUM(D1289*E1289)</f>
        <v>0</v>
      </c>
    </row>
    <row r="1290" spans="1:7" x14ac:dyDescent="0.25">
      <c r="A1290" s="36" t="s">
        <v>158</v>
      </c>
      <c r="B1290" s="61"/>
      <c r="C1290" s="38"/>
      <c r="D1290" s="27"/>
      <c r="E1290" s="44"/>
      <c r="F1290" s="29">
        <f t="shared" si="66"/>
        <v>0</v>
      </c>
    </row>
    <row r="1291" spans="1:7" x14ac:dyDescent="0.25">
      <c r="A1291" s="53" t="s">
        <v>110</v>
      </c>
      <c r="B1291" s="61"/>
      <c r="C1291" s="38"/>
      <c r="D1291" s="27"/>
      <c r="E1291" s="44"/>
      <c r="F1291" s="29">
        <f t="shared" si="66"/>
        <v>0</v>
      </c>
    </row>
    <row r="1292" spans="1:7" x14ac:dyDescent="0.25">
      <c r="A1292" s="24" t="s">
        <v>653</v>
      </c>
      <c r="B1292" s="61" t="s">
        <v>111</v>
      </c>
      <c r="C1292" s="38" t="s">
        <v>17</v>
      </c>
      <c r="D1292" s="27"/>
      <c r="E1292" s="44">
        <v>1.6E-2</v>
      </c>
      <c r="F1292" s="29">
        <f t="shared" ref="F1292:F1323" si="67">SUM(D1292*E1292)</f>
        <v>0</v>
      </c>
    </row>
    <row r="1293" spans="1:7" x14ac:dyDescent="0.25">
      <c r="A1293" s="24" t="s">
        <v>654</v>
      </c>
      <c r="B1293" s="61" t="s">
        <v>111</v>
      </c>
      <c r="C1293" s="38" t="s">
        <v>17</v>
      </c>
      <c r="D1293" s="27"/>
      <c r="E1293" s="44">
        <v>3.1E-2</v>
      </c>
      <c r="F1293" s="29">
        <f t="shared" si="67"/>
        <v>0</v>
      </c>
    </row>
    <row r="1294" spans="1:7" x14ac:dyDescent="0.25">
      <c r="A1294" s="24" t="s">
        <v>655</v>
      </c>
      <c r="B1294" s="61" t="s">
        <v>111</v>
      </c>
      <c r="C1294" s="38" t="s">
        <v>17</v>
      </c>
      <c r="D1294" s="27"/>
      <c r="E1294" s="44">
        <v>3.9899999999999998E-2</v>
      </c>
      <c r="F1294" s="29">
        <f t="shared" si="67"/>
        <v>0</v>
      </c>
    </row>
    <row r="1295" spans="1:7" x14ac:dyDescent="0.25">
      <c r="A1295" s="24" t="s">
        <v>650</v>
      </c>
      <c r="B1295" s="61" t="s">
        <v>111</v>
      </c>
      <c r="C1295" s="38" t="s">
        <v>16</v>
      </c>
      <c r="D1295" s="27"/>
      <c r="E1295" s="44">
        <v>7.7995000000000001</v>
      </c>
      <c r="F1295" s="29">
        <f t="shared" si="67"/>
        <v>0</v>
      </c>
    </row>
    <row r="1296" spans="1:7" x14ac:dyDescent="0.25">
      <c r="A1296" s="24" t="s">
        <v>651</v>
      </c>
      <c r="B1296" s="61" t="s">
        <v>111</v>
      </c>
      <c r="C1296" s="38" t="s">
        <v>18</v>
      </c>
      <c r="D1296" s="27"/>
      <c r="E1296" s="44">
        <v>10.815</v>
      </c>
      <c r="F1296" s="29">
        <f t="shared" si="67"/>
        <v>0</v>
      </c>
    </row>
    <row r="1297" spans="1:6" x14ac:dyDescent="0.25">
      <c r="A1297" s="24" t="s">
        <v>656</v>
      </c>
      <c r="B1297" s="61" t="s">
        <v>111</v>
      </c>
      <c r="C1297" s="38" t="s">
        <v>16</v>
      </c>
      <c r="D1297" s="27"/>
      <c r="E1297" s="44">
        <v>0.73950000000000005</v>
      </c>
      <c r="F1297" s="29">
        <f t="shared" si="67"/>
        <v>0</v>
      </c>
    </row>
    <row r="1298" spans="1:6" x14ac:dyDescent="0.25">
      <c r="A1298" s="24" t="s">
        <v>657</v>
      </c>
      <c r="B1298" s="61" t="s">
        <v>111</v>
      </c>
      <c r="C1298" s="38" t="s">
        <v>16</v>
      </c>
      <c r="D1298" s="27"/>
      <c r="E1298" s="44">
        <v>1.6795</v>
      </c>
      <c r="F1298" s="29">
        <f t="shared" si="67"/>
        <v>0</v>
      </c>
    </row>
    <row r="1299" spans="1:6" x14ac:dyDescent="0.25">
      <c r="A1299" s="24" t="s">
        <v>691</v>
      </c>
      <c r="B1299" s="61" t="s">
        <v>111</v>
      </c>
      <c r="C1299" s="38" t="s">
        <v>25</v>
      </c>
      <c r="D1299" s="27"/>
      <c r="E1299" s="44">
        <v>28.4495</v>
      </c>
      <c r="F1299" s="29">
        <f t="shared" si="67"/>
        <v>0</v>
      </c>
    </row>
    <row r="1300" spans="1:6" x14ac:dyDescent="0.25">
      <c r="A1300" s="24" t="s">
        <v>658</v>
      </c>
      <c r="B1300" s="61" t="s">
        <v>111</v>
      </c>
      <c r="C1300" s="38" t="s">
        <v>16</v>
      </c>
      <c r="D1300" s="27"/>
      <c r="E1300" s="44">
        <v>0.29649999999999999</v>
      </c>
      <c r="F1300" s="29">
        <f t="shared" si="67"/>
        <v>0</v>
      </c>
    </row>
    <row r="1301" spans="1:6" x14ac:dyDescent="0.25">
      <c r="A1301" s="24" t="s">
        <v>659</v>
      </c>
      <c r="B1301" s="61" t="s">
        <v>111</v>
      </c>
      <c r="C1301" s="38" t="s">
        <v>16</v>
      </c>
      <c r="D1301" s="27"/>
      <c r="E1301" s="44">
        <v>0.71450000000000002</v>
      </c>
      <c r="F1301" s="29">
        <f t="shared" si="67"/>
        <v>0</v>
      </c>
    </row>
    <row r="1302" spans="1:6" x14ac:dyDescent="0.25">
      <c r="A1302" s="24" t="s">
        <v>661</v>
      </c>
      <c r="B1302" s="61" t="s">
        <v>111</v>
      </c>
      <c r="C1302" s="38" t="s">
        <v>17</v>
      </c>
      <c r="D1302" s="27"/>
      <c r="E1302" s="44">
        <v>0.15</v>
      </c>
      <c r="F1302" s="29">
        <f t="shared" si="67"/>
        <v>0</v>
      </c>
    </row>
    <row r="1303" spans="1:6" x14ac:dyDescent="0.25">
      <c r="A1303" s="24" t="s">
        <v>518</v>
      </c>
      <c r="B1303" s="61" t="s">
        <v>111</v>
      </c>
      <c r="C1303" s="38" t="s">
        <v>5</v>
      </c>
      <c r="D1303" s="27"/>
      <c r="E1303" s="44">
        <v>2.2949999999999999</v>
      </c>
      <c r="F1303" s="29">
        <f t="shared" si="67"/>
        <v>0</v>
      </c>
    </row>
    <row r="1304" spans="1:6" x14ac:dyDescent="0.25">
      <c r="A1304" s="24" t="s">
        <v>662</v>
      </c>
      <c r="B1304" s="61" t="s">
        <v>111</v>
      </c>
      <c r="C1304" s="38" t="s">
        <v>16</v>
      </c>
      <c r="D1304" s="27"/>
      <c r="E1304" s="44">
        <v>0.70499999999999996</v>
      </c>
      <c r="F1304" s="29">
        <f t="shared" si="67"/>
        <v>0</v>
      </c>
    </row>
    <row r="1305" spans="1:6" x14ac:dyDescent="0.25">
      <c r="A1305" s="24" t="s">
        <v>660</v>
      </c>
      <c r="B1305" s="61" t="s">
        <v>111</v>
      </c>
      <c r="C1305" s="38" t="s">
        <v>18</v>
      </c>
      <c r="D1305" s="27"/>
      <c r="E1305" s="44">
        <v>8.5449999999999999</v>
      </c>
      <c r="F1305" s="29">
        <f t="shared" si="67"/>
        <v>0</v>
      </c>
    </row>
    <row r="1306" spans="1:6" x14ac:dyDescent="0.25">
      <c r="A1306" s="24" t="s">
        <v>692</v>
      </c>
      <c r="B1306" s="61" t="s">
        <v>111</v>
      </c>
      <c r="C1306" s="38" t="s">
        <v>18</v>
      </c>
      <c r="D1306" s="27"/>
      <c r="E1306" s="44">
        <v>10.0495</v>
      </c>
      <c r="F1306" s="29">
        <f t="shared" si="67"/>
        <v>0</v>
      </c>
    </row>
    <row r="1307" spans="1:6" x14ac:dyDescent="0.25">
      <c r="A1307" s="24" t="s">
        <v>693</v>
      </c>
      <c r="B1307" s="61" t="s">
        <v>111</v>
      </c>
      <c r="C1307" s="38" t="s">
        <v>17</v>
      </c>
      <c r="D1307" s="27"/>
      <c r="E1307" s="44">
        <v>0.14299999999999999</v>
      </c>
      <c r="F1307" s="29">
        <f t="shared" si="67"/>
        <v>0</v>
      </c>
    </row>
    <row r="1308" spans="1:6" x14ac:dyDescent="0.25">
      <c r="A1308" s="24" t="s">
        <v>663</v>
      </c>
      <c r="B1308" s="61" t="s">
        <v>111</v>
      </c>
      <c r="C1308" s="38" t="s">
        <v>16</v>
      </c>
      <c r="D1308" s="27"/>
      <c r="E1308" s="44">
        <v>1.4295</v>
      </c>
      <c r="F1308" s="29">
        <f t="shared" si="67"/>
        <v>0</v>
      </c>
    </row>
    <row r="1309" spans="1:6" x14ac:dyDescent="0.25">
      <c r="A1309" s="24" t="s">
        <v>664</v>
      </c>
      <c r="B1309" s="61" t="s">
        <v>111</v>
      </c>
      <c r="C1309" s="38" t="s">
        <v>20</v>
      </c>
      <c r="D1309" s="27"/>
      <c r="E1309" s="44">
        <v>3.2475000000000001</v>
      </c>
      <c r="F1309" s="29">
        <f t="shared" si="67"/>
        <v>0</v>
      </c>
    </row>
    <row r="1310" spans="1:6" x14ac:dyDescent="0.25">
      <c r="A1310" s="24" t="s">
        <v>665</v>
      </c>
      <c r="B1310" s="61" t="s">
        <v>111</v>
      </c>
      <c r="C1310" s="38" t="s">
        <v>16</v>
      </c>
      <c r="D1310" s="27"/>
      <c r="E1310" s="44">
        <v>0.70479999999999998</v>
      </c>
      <c r="F1310" s="29">
        <f t="shared" si="67"/>
        <v>0</v>
      </c>
    </row>
    <row r="1311" spans="1:6" x14ac:dyDescent="0.25">
      <c r="A1311" s="24" t="s">
        <v>652</v>
      </c>
      <c r="B1311" s="61" t="s">
        <v>111</v>
      </c>
      <c r="C1311" s="38" t="s">
        <v>18</v>
      </c>
      <c r="D1311" s="27"/>
      <c r="E1311" s="44">
        <v>13.404999999999999</v>
      </c>
      <c r="F1311" s="29">
        <f t="shared" si="67"/>
        <v>0</v>
      </c>
    </row>
    <row r="1312" spans="1:6" x14ac:dyDescent="0.25">
      <c r="A1312" s="24" t="s">
        <v>694</v>
      </c>
      <c r="B1312" s="61" t="s">
        <v>111</v>
      </c>
      <c r="C1312" s="38" t="s">
        <v>16</v>
      </c>
      <c r="D1312" s="27"/>
      <c r="E1312" s="44">
        <v>1.0295000000000001</v>
      </c>
      <c r="F1312" s="29">
        <f t="shared" si="67"/>
        <v>0</v>
      </c>
    </row>
    <row r="1313" spans="1:6" x14ac:dyDescent="0.25">
      <c r="A1313" s="24" t="s">
        <v>666</v>
      </c>
      <c r="B1313" s="61" t="s">
        <v>111</v>
      </c>
      <c r="C1313" s="38" t="s">
        <v>18</v>
      </c>
      <c r="D1313" s="27"/>
      <c r="E1313" s="44">
        <v>1.1895</v>
      </c>
      <c r="F1313" s="29">
        <f t="shared" si="67"/>
        <v>0</v>
      </c>
    </row>
    <row r="1314" spans="1:6" x14ac:dyDescent="0.25">
      <c r="A1314" s="24" t="s">
        <v>667</v>
      </c>
      <c r="B1314" s="61" t="s">
        <v>111</v>
      </c>
      <c r="C1314" s="38" t="s">
        <v>20</v>
      </c>
      <c r="D1314" s="27"/>
      <c r="E1314" s="44">
        <v>0.6895</v>
      </c>
      <c r="F1314" s="29">
        <f t="shared" si="67"/>
        <v>0</v>
      </c>
    </row>
    <row r="1315" spans="1:6" x14ac:dyDescent="0.25">
      <c r="A1315" s="24" t="s">
        <v>668</v>
      </c>
      <c r="B1315" s="61" t="s">
        <v>111</v>
      </c>
      <c r="C1315" s="38" t="s">
        <v>16</v>
      </c>
      <c r="D1315" s="27"/>
      <c r="E1315" s="44">
        <v>0.53400000000000003</v>
      </c>
      <c r="F1315" s="29">
        <f t="shared" si="67"/>
        <v>0</v>
      </c>
    </row>
    <row r="1316" spans="1:6" x14ac:dyDescent="0.25">
      <c r="A1316" s="24" t="s">
        <v>669</v>
      </c>
      <c r="B1316" s="61" t="s">
        <v>111</v>
      </c>
      <c r="C1316" s="38" t="s">
        <v>17</v>
      </c>
      <c r="D1316" s="27"/>
      <c r="E1316" s="44">
        <v>5.0500000000000003E-2</v>
      </c>
      <c r="F1316" s="29">
        <f t="shared" si="67"/>
        <v>0</v>
      </c>
    </row>
    <row r="1317" spans="1:6" x14ac:dyDescent="0.25">
      <c r="A1317" s="24" t="s">
        <v>670</v>
      </c>
      <c r="B1317" s="61" t="s">
        <v>111</v>
      </c>
      <c r="C1317" s="38" t="s">
        <v>17</v>
      </c>
      <c r="D1317" s="27"/>
      <c r="E1317" s="44">
        <v>4.2000000000000003E-2</v>
      </c>
      <c r="F1317" s="29">
        <f t="shared" si="67"/>
        <v>0</v>
      </c>
    </row>
    <row r="1318" spans="1:6" x14ac:dyDescent="0.25">
      <c r="A1318" s="24" t="s">
        <v>671</v>
      </c>
      <c r="B1318" s="61" t="s">
        <v>111</v>
      </c>
      <c r="C1318" s="38" t="s">
        <v>18</v>
      </c>
      <c r="D1318" s="27"/>
      <c r="E1318" s="44">
        <v>0.56699999999999995</v>
      </c>
      <c r="F1318" s="29">
        <f t="shared" si="67"/>
        <v>0</v>
      </c>
    </row>
    <row r="1319" spans="1:6" x14ac:dyDescent="0.25">
      <c r="A1319" s="24" t="s">
        <v>672</v>
      </c>
      <c r="B1319" s="61" t="s">
        <v>111</v>
      </c>
      <c r="C1319" s="38" t="s">
        <v>16</v>
      </c>
      <c r="D1319" s="27"/>
      <c r="E1319" s="44">
        <v>0.32900000000000001</v>
      </c>
      <c r="F1319" s="29">
        <f t="shared" si="67"/>
        <v>0</v>
      </c>
    </row>
    <row r="1320" spans="1:6" x14ac:dyDescent="0.25">
      <c r="A1320" s="24" t="s">
        <v>673</v>
      </c>
      <c r="B1320" s="61" t="s">
        <v>111</v>
      </c>
      <c r="C1320" s="38" t="s">
        <v>17</v>
      </c>
      <c r="D1320" s="27"/>
      <c r="E1320" s="44">
        <v>2.7900000000000001E-2</v>
      </c>
      <c r="F1320" s="29">
        <f t="shared" si="67"/>
        <v>0</v>
      </c>
    </row>
    <row r="1321" spans="1:6" x14ac:dyDescent="0.25">
      <c r="A1321" s="24" t="s">
        <v>674</v>
      </c>
      <c r="B1321" s="61" t="s">
        <v>111</v>
      </c>
      <c r="C1321" s="38" t="s">
        <v>17</v>
      </c>
      <c r="D1321" s="27"/>
      <c r="E1321" s="44">
        <v>3.6400000000000002E-2</v>
      </c>
      <c r="F1321" s="29">
        <f t="shared" si="67"/>
        <v>0</v>
      </c>
    </row>
    <row r="1322" spans="1:6" x14ac:dyDescent="0.25">
      <c r="A1322" s="24" t="s">
        <v>675</v>
      </c>
      <c r="B1322" s="61" t="s">
        <v>111</v>
      </c>
      <c r="C1322" s="38" t="s">
        <v>20</v>
      </c>
      <c r="D1322" s="27"/>
      <c r="E1322" s="44">
        <v>9.9559999999999995</v>
      </c>
      <c r="F1322" s="29">
        <f t="shared" si="67"/>
        <v>0</v>
      </c>
    </row>
    <row r="1323" spans="1:6" x14ac:dyDescent="0.25">
      <c r="A1323" s="24" t="s">
        <v>695</v>
      </c>
      <c r="B1323" s="61" t="s">
        <v>111</v>
      </c>
      <c r="C1323" s="38" t="s">
        <v>17</v>
      </c>
      <c r="D1323" s="27"/>
      <c r="E1323" s="44">
        <v>4.1500000000000002E-2</v>
      </c>
      <c r="F1323" s="29">
        <f t="shared" si="67"/>
        <v>0</v>
      </c>
    </row>
    <row r="1324" spans="1:6" x14ac:dyDescent="0.25">
      <c r="A1324" s="24" t="s">
        <v>676</v>
      </c>
      <c r="B1324" s="61" t="s">
        <v>111</v>
      </c>
      <c r="C1324" s="38" t="s">
        <v>16</v>
      </c>
      <c r="D1324" s="27"/>
      <c r="E1324" s="44">
        <v>0.20169999999999999</v>
      </c>
      <c r="F1324" s="29">
        <f t="shared" ref="F1324:F1349" si="68">SUM(D1324*E1324)</f>
        <v>0</v>
      </c>
    </row>
    <row r="1325" spans="1:6" x14ac:dyDescent="0.25">
      <c r="A1325" s="24" t="s">
        <v>1231</v>
      </c>
      <c r="B1325" s="61" t="s">
        <v>111</v>
      </c>
      <c r="C1325" s="38" t="s">
        <v>17</v>
      </c>
      <c r="D1325" s="27"/>
      <c r="E1325" s="44">
        <v>1.2999999999999999E-2</v>
      </c>
      <c r="F1325" s="29">
        <f t="shared" si="68"/>
        <v>0</v>
      </c>
    </row>
    <row r="1326" spans="1:6" x14ac:dyDescent="0.25">
      <c r="A1326" s="24" t="s">
        <v>1448</v>
      </c>
      <c r="B1326" s="61" t="s">
        <v>111</v>
      </c>
      <c r="C1326" s="38" t="s">
        <v>16</v>
      </c>
      <c r="D1326" s="27"/>
      <c r="E1326" s="44">
        <v>4.875</v>
      </c>
      <c r="F1326" s="29">
        <f t="shared" si="68"/>
        <v>0</v>
      </c>
    </row>
    <row r="1327" spans="1:6" x14ac:dyDescent="0.25">
      <c r="A1327" s="24" t="s">
        <v>696</v>
      </c>
      <c r="B1327" s="61" t="s">
        <v>111</v>
      </c>
      <c r="C1327" s="38" t="s">
        <v>17</v>
      </c>
      <c r="D1327" s="27"/>
      <c r="E1327" s="44">
        <v>0.29799999999999999</v>
      </c>
      <c r="F1327" s="29">
        <f t="shared" si="68"/>
        <v>0</v>
      </c>
    </row>
    <row r="1328" spans="1:6" x14ac:dyDescent="0.25">
      <c r="A1328" s="24" t="s">
        <v>697</v>
      </c>
      <c r="B1328" s="61" t="s">
        <v>111</v>
      </c>
      <c r="C1328" s="38" t="s">
        <v>17</v>
      </c>
      <c r="D1328" s="27"/>
      <c r="E1328" s="44">
        <v>0.61750000000000005</v>
      </c>
      <c r="F1328" s="29">
        <f t="shared" si="68"/>
        <v>0</v>
      </c>
    </row>
    <row r="1329" spans="1:6" x14ac:dyDescent="0.25">
      <c r="A1329" s="24" t="s">
        <v>677</v>
      </c>
      <c r="B1329" s="61" t="s">
        <v>111</v>
      </c>
      <c r="C1329" s="38" t="s">
        <v>17</v>
      </c>
      <c r="D1329" s="27"/>
      <c r="E1329" s="44">
        <v>4.2500000000000003E-2</v>
      </c>
      <c r="F1329" s="29">
        <f t="shared" si="68"/>
        <v>0</v>
      </c>
    </row>
    <row r="1330" spans="1:6" x14ac:dyDescent="0.25">
      <c r="A1330" s="24" t="s">
        <v>698</v>
      </c>
      <c r="B1330" s="61" t="s">
        <v>111</v>
      </c>
      <c r="C1330" s="38" t="s">
        <v>17</v>
      </c>
      <c r="D1330" s="27"/>
      <c r="E1330" s="44">
        <v>8.2500000000000004E-2</v>
      </c>
      <c r="F1330" s="29">
        <f t="shared" si="68"/>
        <v>0</v>
      </c>
    </row>
    <row r="1331" spans="1:6" x14ac:dyDescent="0.25">
      <c r="A1331" s="24" t="s">
        <v>699</v>
      </c>
      <c r="B1331" s="61" t="s">
        <v>111</v>
      </c>
      <c r="C1331" s="38" t="s">
        <v>17</v>
      </c>
      <c r="D1331" s="27"/>
      <c r="E1331" s="44">
        <v>0.32750000000000001</v>
      </c>
      <c r="F1331" s="29">
        <f t="shared" si="68"/>
        <v>0</v>
      </c>
    </row>
    <row r="1332" spans="1:6" x14ac:dyDescent="0.25">
      <c r="A1332" s="24" t="s">
        <v>678</v>
      </c>
      <c r="B1332" s="61" t="s">
        <v>111</v>
      </c>
      <c r="C1332" s="38" t="s">
        <v>17</v>
      </c>
      <c r="D1332" s="27"/>
      <c r="E1332" s="44">
        <v>6.1499999999999999E-2</v>
      </c>
      <c r="F1332" s="29">
        <f t="shared" si="68"/>
        <v>0</v>
      </c>
    </row>
    <row r="1333" spans="1:6" x14ac:dyDescent="0.25">
      <c r="A1333" s="24" t="s">
        <v>700</v>
      </c>
      <c r="B1333" s="61" t="s">
        <v>111</v>
      </c>
      <c r="C1333" s="38" t="s">
        <v>16</v>
      </c>
      <c r="D1333" s="27"/>
      <c r="E1333" s="44">
        <v>1.1665000000000001</v>
      </c>
      <c r="F1333" s="29">
        <f t="shared" si="68"/>
        <v>0</v>
      </c>
    </row>
    <row r="1334" spans="1:6" x14ac:dyDescent="0.25">
      <c r="A1334" s="24" t="s">
        <v>679</v>
      </c>
      <c r="B1334" s="61" t="s">
        <v>111</v>
      </c>
      <c r="C1334" s="38" t="s">
        <v>17</v>
      </c>
      <c r="D1334" s="27"/>
      <c r="E1334" s="44">
        <v>6.9500000000000006E-2</v>
      </c>
      <c r="F1334" s="29">
        <f t="shared" si="68"/>
        <v>0</v>
      </c>
    </row>
    <row r="1335" spans="1:6" x14ac:dyDescent="0.25">
      <c r="A1335" s="24" t="s">
        <v>680</v>
      </c>
      <c r="B1335" s="61" t="s">
        <v>111</v>
      </c>
      <c r="C1335" s="38" t="s">
        <v>17</v>
      </c>
      <c r="D1335" s="27"/>
      <c r="E1335" s="44">
        <v>0.2084</v>
      </c>
      <c r="F1335" s="29">
        <f t="shared" si="68"/>
        <v>0</v>
      </c>
    </row>
    <row r="1336" spans="1:6" x14ac:dyDescent="0.25">
      <c r="A1336" s="24" t="s">
        <v>681</v>
      </c>
      <c r="B1336" s="61" t="s">
        <v>111</v>
      </c>
      <c r="C1336" s="38" t="s">
        <v>17</v>
      </c>
      <c r="D1336" s="27"/>
      <c r="E1336" s="44">
        <v>0.26989999999999997</v>
      </c>
      <c r="F1336" s="29">
        <f t="shared" si="68"/>
        <v>0</v>
      </c>
    </row>
    <row r="1337" spans="1:6" x14ac:dyDescent="0.25">
      <c r="A1337" s="24" t="s">
        <v>682</v>
      </c>
      <c r="B1337" s="61" t="s">
        <v>111</v>
      </c>
      <c r="C1337" s="38" t="s">
        <v>16</v>
      </c>
      <c r="D1337" s="27"/>
      <c r="E1337" s="44">
        <v>1.2299</v>
      </c>
      <c r="F1337" s="29">
        <f t="shared" si="68"/>
        <v>0</v>
      </c>
    </row>
    <row r="1338" spans="1:6" x14ac:dyDescent="0.25">
      <c r="A1338" s="24" t="s">
        <v>683</v>
      </c>
      <c r="B1338" s="61" t="s">
        <v>111</v>
      </c>
      <c r="C1338" s="38" t="s">
        <v>16</v>
      </c>
      <c r="D1338" s="27"/>
      <c r="E1338" s="44">
        <v>1.8180000000000001</v>
      </c>
      <c r="F1338" s="29">
        <f t="shared" si="68"/>
        <v>0</v>
      </c>
    </row>
    <row r="1339" spans="1:6" x14ac:dyDescent="0.25">
      <c r="A1339" s="24" t="s">
        <v>684</v>
      </c>
      <c r="B1339" s="61" t="s">
        <v>111</v>
      </c>
      <c r="C1339" s="38" t="s">
        <v>17</v>
      </c>
      <c r="D1339" s="27"/>
      <c r="E1339" s="44">
        <v>8.09E-2</v>
      </c>
      <c r="F1339" s="29">
        <f t="shared" si="68"/>
        <v>0</v>
      </c>
    </row>
    <row r="1340" spans="1:6" x14ac:dyDescent="0.25">
      <c r="A1340" s="24" t="s">
        <v>685</v>
      </c>
      <c r="B1340" s="61" t="s">
        <v>111</v>
      </c>
      <c r="C1340" s="38" t="s">
        <v>16</v>
      </c>
      <c r="D1340" s="27"/>
      <c r="E1340" s="44">
        <v>0.33700000000000002</v>
      </c>
      <c r="F1340" s="29">
        <f t="shared" si="68"/>
        <v>0</v>
      </c>
    </row>
    <row r="1341" spans="1:6" x14ac:dyDescent="0.25">
      <c r="A1341" s="24" t="s">
        <v>686</v>
      </c>
      <c r="B1341" s="61" t="s">
        <v>111</v>
      </c>
      <c r="C1341" s="38" t="s">
        <v>16</v>
      </c>
      <c r="D1341" s="27"/>
      <c r="E1341" s="44">
        <v>3</v>
      </c>
      <c r="F1341" s="29">
        <f t="shared" si="68"/>
        <v>0</v>
      </c>
    </row>
    <row r="1342" spans="1:6" s="23" customFormat="1" x14ac:dyDescent="0.25">
      <c r="A1342" s="24" t="s">
        <v>1230</v>
      </c>
      <c r="B1342" s="61" t="s">
        <v>111</v>
      </c>
      <c r="C1342" s="38" t="s">
        <v>5</v>
      </c>
      <c r="D1342" s="27"/>
      <c r="E1342" s="44">
        <v>0.64800000000000002</v>
      </c>
      <c r="F1342" s="29">
        <f t="shared" si="68"/>
        <v>0</v>
      </c>
    </row>
    <row r="1343" spans="1:6" x14ac:dyDescent="0.25">
      <c r="A1343" s="24" t="s">
        <v>687</v>
      </c>
      <c r="B1343" s="61" t="s">
        <v>111</v>
      </c>
      <c r="C1343" s="38" t="s">
        <v>16</v>
      </c>
      <c r="D1343" s="27"/>
      <c r="E1343" s="44">
        <v>2.4295</v>
      </c>
      <c r="F1343" s="29">
        <f t="shared" si="68"/>
        <v>0</v>
      </c>
    </row>
    <row r="1344" spans="1:6" x14ac:dyDescent="0.25">
      <c r="A1344" s="24" t="s">
        <v>688</v>
      </c>
      <c r="B1344" s="61" t="s">
        <v>111</v>
      </c>
      <c r="C1344" s="38" t="s">
        <v>18</v>
      </c>
      <c r="D1344" s="27"/>
      <c r="E1344" s="44">
        <v>1.6825000000000001</v>
      </c>
      <c r="F1344" s="29">
        <f t="shared" si="68"/>
        <v>0</v>
      </c>
    </row>
    <row r="1345" spans="1:6" x14ac:dyDescent="0.25">
      <c r="A1345" s="24" t="s">
        <v>703</v>
      </c>
      <c r="B1345" s="61" t="s">
        <v>111</v>
      </c>
      <c r="C1345" s="38" t="s">
        <v>16</v>
      </c>
      <c r="D1345" s="27"/>
      <c r="E1345" s="44">
        <v>0.48149999999999998</v>
      </c>
      <c r="F1345" s="29">
        <f t="shared" si="68"/>
        <v>0</v>
      </c>
    </row>
    <row r="1346" spans="1:6" x14ac:dyDescent="0.25">
      <c r="A1346" s="24" t="s">
        <v>701</v>
      </c>
      <c r="B1346" s="61" t="s">
        <v>111</v>
      </c>
      <c r="C1346" s="38" t="s">
        <v>702</v>
      </c>
      <c r="D1346" s="27"/>
      <c r="E1346" s="44">
        <v>0.1295</v>
      </c>
      <c r="F1346" s="29">
        <f t="shared" si="68"/>
        <v>0</v>
      </c>
    </row>
    <row r="1347" spans="1:6" x14ac:dyDescent="0.25">
      <c r="A1347" s="24" t="s">
        <v>704</v>
      </c>
      <c r="B1347" s="61" t="s">
        <v>111</v>
      </c>
      <c r="C1347" s="38" t="s">
        <v>16</v>
      </c>
      <c r="D1347" s="27"/>
      <c r="E1347" s="44">
        <v>0.73899999999999999</v>
      </c>
      <c r="F1347" s="29">
        <f t="shared" si="68"/>
        <v>0</v>
      </c>
    </row>
    <row r="1348" spans="1:6" x14ac:dyDescent="0.25">
      <c r="A1348" s="24" t="s">
        <v>689</v>
      </c>
      <c r="B1348" s="61" t="s">
        <v>111</v>
      </c>
      <c r="C1348" s="38" t="s">
        <v>18</v>
      </c>
      <c r="D1348" s="27"/>
      <c r="E1348" s="44">
        <v>24.995000000000001</v>
      </c>
      <c r="F1348" s="29">
        <f t="shared" si="68"/>
        <v>0</v>
      </c>
    </row>
    <row r="1349" spans="1:6" x14ac:dyDescent="0.25">
      <c r="A1349" s="24" t="s">
        <v>690</v>
      </c>
      <c r="B1349" s="61" t="s">
        <v>111</v>
      </c>
      <c r="C1349" s="38" t="s">
        <v>20</v>
      </c>
      <c r="D1349" s="27"/>
      <c r="E1349" s="44">
        <v>4.1195000000000004</v>
      </c>
      <c r="F1349" s="29">
        <f t="shared" si="68"/>
        <v>0</v>
      </c>
    </row>
    <row r="1350" spans="1:6" x14ac:dyDescent="0.25">
      <c r="A1350" s="36" t="s">
        <v>158</v>
      </c>
      <c r="B1350" s="61"/>
      <c r="C1350" s="38"/>
      <c r="D1350" s="27"/>
      <c r="E1350" s="44"/>
      <c r="F1350" s="29">
        <f t="shared" ref="F1350:F1383" si="69">SUM(D1350*E1350)</f>
        <v>0</v>
      </c>
    </row>
    <row r="1351" spans="1:6" x14ac:dyDescent="0.25">
      <c r="A1351" s="58" t="s">
        <v>112</v>
      </c>
      <c r="B1351" s="61"/>
      <c r="C1351" s="38"/>
      <c r="D1351" s="27"/>
      <c r="E1351" s="44"/>
      <c r="F1351" s="29">
        <f t="shared" si="69"/>
        <v>0</v>
      </c>
    </row>
    <row r="1352" spans="1:6" x14ac:dyDescent="0.25">
      <c r="A1352" s="24" t="s">
        <v>519</v>
      </c>
      <c r="B1352" s="61" t="s">
        <v>113</v>
      </c>
      <c r="C1352" s="38" t="s">
        <v>18</v>
      </c>
      <c r="D1352" s="27"/>
      <c r="E1352" s="44">
        <v>6.65</v>
      </c>
      <c r="F1352" s="29">
        <f t="shared" ref="F1352:F1374" si="70">SUM(D1352*E1352)</f>
        <v>0</v>
      </c>
    </row>
    <row r="1353" spans="1:6" x14ac:dyDescent="0.25">
      <c r="A1353" s="24" t="s">
        <v>520</v>
      </c>
      <c r="B1353" s="61" t="s">
        <v>113</v>
      </c>
      <c r="C1353" s="38" t="s">
        <v>25</v>
      </c>
      <c r="D1353" s="27"/>
      <c r="E1353" s="44">
        <v>6.75</v>
      </c>
      <c r="F1353" s="29">
        <f t="shared" si="70"/>
        <v>0</v>
      </c>
    </row>
    <row r="1354" spans="1:6" x14ac:dyDescent="0.25">
      <c r="A1354" s="24" t="s">
        <v>521</v>
      </c>
      <c r="B1354" s="61" t="s">
        <v>113</v>
      </c>
      <c r="C1354" s="38" t="s">
        <v>5</v>
      </c>
      <c r="D1354" s="27"/>
      <c r="E1354" s="44">
        <v>0.18</v>
      </c>
      <c r="F1354" s="29">
        <f t="shared" si="70"/>
        <v>0</v>
      </c>
    </row>
    <row r="1355" spans="1:6" x14ac:dyDescent="0.25">
      <c r="A1355" s="24" t="s">
        <v>522</v>
      </c>
      <c r="B1355" s="61" t="s">
        <v>113</v>
      </c>
      <c r="C1355" s="38" t="s">
        <v>5</v>
      </c>
      <c r="D1355" s="27"/>
      <c r="E1355" s="44">
        <v>0.77</v>
      </c>
      <c r="F1355" s="29">
        <f t="shared" si="70"/>
        <v>0</v>
      </c>
    </row>
    <row r="1356" spans="1:6" x14ac:dyDescent="0.25">
      <c r="A1356" s="24" t="s">
        <v>523</v>
      </c>
      <c r="B1356" s="61" t="s">
        <v>113</v>
      </c>
      <c r="C1356" s="38" t="s">
        <v>5</v>
      </c>
      <c r="D1356" s="27"/>
      <c r="E1356" s="44">
        <v>1.1599999999999999</v>
      </c>
      <c r="F1356" s="29">
        <f t="shared" si="70"/>
        <v>0</v>
      </c>
    </row>
    <row r="1357" spans="1:6" x14ac:dyDescent="0.25">
      <c r="A1357" s="57" t="s">
        <v>535</v>
      </c>
      <c r="B1357" s="62" t="s">
        <v>113</v>
      </c>
      <c r="C1357" s="39" t="s">
        <v>5</v>
      </c>
      <c r="D1357" s="31"/>
      <c r="E1357" s="45">
        <v>95</v>
      </c>
      <c r="F1357" s="32">
        <f t="shared" si="70"/>
        <v>0</v>
      </c>
    </row>
    <row r="1358" spans="1:6" x14ac:dyDescent="0.25">
      <c r="A1358" s="57" t="s">
        <v>524</v>
      </c>
      <c r="B1358" s="62" t="s">
        <v>113</v>
      </c>
      <c r="C1358" s="39" t="s">
        <v>5</v>
      </c>
      <c r="D1358" s="31"/>
      <c r="E1358" s="45">
        <v>74.89</v>
      </c>
      <c r="F1358" s="32">
        <f t="shared" si="70"/>
        <v>0</v>
      </c>
    </row>
    <row r="1359" spans="1:6" x14ac:dyDescent="0.25">
      <c r="A1359" s="57" t="s">
        <v>536</v>
      </c>
      <c r="B1359" s="62" t="s">
        <v>113</v>
      </c>
      <c r="C1359" s="39" t="s">
        <v>5</v>
      </c>
      <c r="D1359" s="31"/>
      <c r="E1359" s="45">
        <v>68</v>
      </c>
      <c r="F1359" s="32">
        <f t="shared" si="70"/>
        <v>0</v>
      </c>
    </row>
    <row r="1360" spans="1:6" x14ac:dyDescent="0.25">
      <c r="A1360" s="24" t="s">
        <v>537</v>
      </c>
      <c r="B1360" s="61" t="s">
        <v>113</v>
      </c>
      <c r="C1360" s="38" t="s">
        <v>5</v>
      </c>
      <c r="D1360" s="27"/>
      <c r="E1360" s="44">
        <v>30.07</v>
      </c>
      <c r="F1360" s="29">
        <f t="shared" si="70"/>
        <v>0</v>
      </c>
    </row>
    <row r="1361" spans="1:6" x14ac:dyDescent="0.25">
      <c r="A1361" s="24" t="s">
        <v>525</v>
      </c>
      <c r="B1361" s="61" t="s">
        <v>113</v>
      </c>
      <c r="C1361" s="38" t="s">
        <v>25</v>
      </c>
      <c r="D1361" s="27"/>
      <c r="E1361" s="44">
        <v>91.99</v>
      </c>
      <c r="F1361" s="29">
        <f t="shared" si="70"/>
        <v>0</v>
      </c>
    </row>
    <row r="1362" spans="1:6" x14ac:dyDescent="0.25">
      <c r="A1362" s="24" t="s">
        <v>526</v>
      </c>
      <c r="B1362" s="61" t="s">
        <v>113</v>
      </c>
      <c r="C1362" s="38" t="s">
        <v>5</v>
      </c>
      <c r="D1362" s="27"/>
      <c r="E1362" s="44">
        <v>1.65</v>
      </c>
      <c r="F1362" s="29">
        <f t="shared" si="70"/>
        <v>0</v>
      </c>
    </row>
    <row r="1363" spans="1:6" x14ac:dyDescent="0.25">
      <c r="A1363" s="24" t="s">
        <v>527</v>
      </c>
      <c r="B1363" s="61" t="s">
        <v>113</v>
      </c>
      <c r="C1363" s="38" t="s">
        <v>5</v>
      </c>
      <c r="D1363" s="27"/>
      <c r="E1363" s="44">
        <v>2.39</v>
      </c>
      <c r="F1363" s="29">
        <f t="shared" si="70"/>
        <v>0</v>
      </c>
    </row>
    <row r="1364" spans="1:6" x14ac:dyDescent="0.25">
      <c r="A1364" s="24" t="s">
        <v>528</v>
      </c>
      <c r="B1364" s="61" t="s">
        <v>113</v>
      </c>
      <c r="C1364" s="38" t="s">
        <v>18</v>
      </c>
      <c r="D1364" s="27"/>
      <c r="E1364" s="44">
        <v>113.9</v>
      </c>
      <c r="F1364" s="29">
        <f t="shared" si="70"/>
        <v>0</v>
      </c>
    </row>
    <row r="1365" spans="1:6" x14ac:dyDescent="0.25">
      <c r="A1365" s="24" t="s">
        <v>939</v>
      </c>
      <c r="B1365" s="61" t="s">
        <v>113</v>
      </c>
      <c r="C1365" s="38" t="s">
        <v>5</v>
      </c>
      <c r="D1365" s="27"/>
      <c r="E1365" s="44">
        <v>3.9E-2</v>
      </c>
      <c r="F1365" s="29">
        <f t="shared" si="70"/>
        <v>0</v>
      </c>
    </row>
    <row r="1366" spans="1:6" s="1" customFormat="1" x14ac:dyDescent="0.25">
      <c r="A1366" s="24" t="s">
        <v>529</v>
      </c>
      <c r="B1366" s="61" t="s">
        <v>113</v>
      </c>
      <c r="C1366" s="38" t="s">
        <v>25</v>
      </c>
      <c r="D1366" s="27"/>
      <c r="E1366" s="44">
        <v>12.98</v>
      </c>
      <c r="F1366" s="29">
        <f t="shared" si="70"/>
        <v>0</v>
      </c>
    </row>
    <row r="1367" spans="1:6" x14ac:dyDescent="0.25">
      <c r="A1367" s="24" t="s">
        <v>530</v>
      </c>
      <c r="B1367" s="61" t="s">
        <v>113</v>
      </c>
      <c r="C1367" s="38" t="s">
        <v>25</v>
      </c>
      <c r="D1367" s="27"/>
      <c r="E1367" s="44">
        <v>12.98</v>
      </c>
      <c r="F1367" s="29">
        <f t="shared" si="70"/>
        <v>0</v>
      </c>
    </row>
    <row r="1368" spans="1:6" x14ac:dyDescent="0.25">
      <c r="A1368" s="24" t="s">
        <v>531</v>
      </c>
      <c r="B1368" s="61" t="s">
        <v>113</v>
      </c>
      <c r="C1368" s="38" t="s">
        <v>25</v>
      </c>
      <c r="D1368" s="27"/>
      <c r="E1368" s="44">
        <v>12.98</v>
      </c>
      <c r="F1368" s="29">
        <f t="shared" si="70"/>
        <v>0</v>
      </c>
    </row>
    <row r="1369" spans="1:6" x14ac:dyDescent="0.25">
      <c r="A1369" s="24" t="s">
        <v>532</v>
      </c>
      <c r="B1369" s="61" t="s">
        <v>113</v>
      </c>
      <c r="C1369" s="38" t="s">
        <v>25</v>
      </c>
      <c r="D1369" s="27"/>
      <c r="E1369" s="44">
        <v>4.79</v>
      </c>
      <c r="F1369" s="29">
        <f t="shared" si="70"/>
        <v>0</v>
      </c>
    </row>
    <row r="1370" spans="1:6" x14ac:dyDescent="0.25">
      <c r="A1370" s="24" t="s">
        <v>533</v>
      </c>
      <c r="B1370" s="61" t="s">
        <v>113</v>
      </c>
      <c r="C1370" s="38" t="s">
        <v>18</v>
      </c>
      <c r="D1370" s="27"/>
      <c r="E1370" s="44">
        <v>15</v>
      </c>
      <c r="F1370" s="29">
        <f t="shared" si="70"/>
        <v>0</v>
      </c>
    </row>
    <row r="1371" spans="1:6" x14ac:dyDescent="0.25">
      <c r="A1371" s="24" t="s">
        <v>534</v>
      </c>
      <c r="B1371" s="61" t="s">
        <v>113</v>
      </c>
      <c r="C1371" s="38" t="s">
        <v>5</v>
      </c>
      <c r="D1371" s="27"/>
      <c r="E1371" s="44">
        <v>213.89</v>
      </c>
      <c r="F1371" s="29">
        <f t="shared" si="70"/>
        <v>0</v>
      </c>
    </row>
    <row r="1372" spans="1:6" x14ac:dyDescent="0.25">
      <c r="A1372" s="57" t="s">
        <v>538</v>
      </c>
      <c r="B1372" s="62" t="s">
        <v>113</v>
      </c>
      <c r="C1372" s="39" t="s">
        <v>5</v>
      </c>
      <c r="D1372" s="31"/>
      <c r="E1372" s="45">
        <v>43</v>
      </c>
      <c r="F1372" s="32">
        <f t="shared" si="70"/>
        <v>0</v>
      </c>
    </row>
    <row r="1373" spans="1:6" x14ac:dyDescent="0.25">
      <c r="A1373" s="57" t="s">
        <v>539</v>
      </c>
      <c r="B1373" s="62" t="s">
        <v>113</v>
      </c>
      <c r="C1373" s="39" t="s">
        <v>5</v>
      </c>
      <c r="D1373" s="31"/>
      <c r="E1373" s="45">
        <v>77.8</v>
      </c>
      <c r="F1373" s="32">
        <f t="shared" si="70"/>
        <v>0</v>
      </c>
    </row>
    <row r="1374" spans="1:6" x14ac:dyDescent="0.25">
      <c r="A1374" s="24" t="s">
        <v>540</v>
      </c>
      <c r="B1374" s="61" t="s">
        <v>113</v>
      </c>
      <c r="C1374" s="38" t="s">
        <v>25</v>
      </c>
      <c r="D1374" s="27"/>
      <c r="E1374" s="44">
        <v>5.9</v>
      </c>
      <c r="F1374" s="29">
        <f t="shared" si="70"/>
        <v>0</v>
      </c>
    </row>
    <row r="1375" spans="1:6" x14ac:dyDescent="0.25">
      <c r="A1375" s="36" t="s">
        <v>158</v>
      </c>
      <c r="B1375" s="61"/>
      <c r="C1375" s="38"/>
      <c r="D1375" s="27"/>
      <c r="E1375" s="44"/>
      <c r="F1375" s="29">
        <f t="shared" si="69"/>
        <v>0</v>
      </c>
    </row>
    <row r="1376" spans="1:6" x14ac:dyDescent="0.25">
      <c r="A1376" s="58" t="s">
        <v>114</v>
      </c>
      <c r="B1376" s="61"/>
      <c r="C1376" s="38"/>
      <c r="D1376" s="27"/>
      <c r="E1376" s="44"/>
      <c r="F1376" s="29">
        <f t="shared" si="69"/>
        <v>0</v>
      </c>
    </row>
    <row r="1377" spans="1:6" x14ac:dyDescent="0.25">
      <c r="A1377" s="24" t="s">
        <v>1103</v>
      </c>
      <c r="B1377" s="61" t="s">
        <v>115</v>
      </c>
      <c r="C1377" s="38" t="s">
        <v>25</v>
      </c>
      <c r="D1377" s="27"/>
      <c r="E1377" s="44">
        <v>135</v>
      </c>
      <c r="F1377" s="29">
        <f t="shared" si="69"/>
        <v>0</v>
      </c>
    </row>
    <row r="1378" spans="1:6" x14ac:dyDescent="0.25">
      <c r="A1378" s="24" t="s">
        <v>1104</v>
      </c>
      <c r="B1378" s="61" t="s">
        <v>115</v>
      </c>
      <c r="C1378" s="38" t="s">
        <v>25</v>
      </c>
      <c r="D1378" s="27"/>
      <c r="E1378" s="44">
        <v>140</v>
      </c>
      <c r="F1378" s="29">
        <f t="shared" si="69"/>
        <v>0</v>
      </c>
    </row>
    <row r="1379" spans="1:6" x14ac:dyDescent="0.25">
      <c r="A1379" s="24" t="s">
        <v>1105</v>
      </c>
      <c r="B1379" s="61" t="s">
        <v>115</v>
      </c>
      <c r="C1379" s="38" t="s">
        <v>25</v>
      </c>
      <c r="D1379" s="27"/>
      <c r="E1379" s="44">
        <v>43</v>
      </c>
      <c r="F1379" s="29">
        <f t="shared" si="69"/>
        <v>0</v>
      </c>
    </row>
    <row r="1380" spans="1:6" x14ac:dyDescent="0.25">
      <c r="A1380" s="24" t="s">
        <v>1106</v>
      </c>
      <c r="B1380" s="61" t="s">
        <v>115</v>
      </c>
      <c r="C1380" s="38" t="s">
        <v>25</v>
      </c>
      <c r="D1380" s="27"/>
      <c r="E1380" s="44">
        <v>230</v>
      </c>
      <c r="F1380" s="29">
        <f t="shared" si="69"/>
        <v>0</v>
      </c>
    </row>
    <row r="1381" spans="1:6" x14ac:dyDescent="0.25">
      <c r="A1381" s="24" t="s">
        <v>1107</v>
      </c>
      <c r="B1381" s="61" t="s">
        <v>115</v>
      </c>
      <c r="C1381" s="38" t="s">
        <v>25</v>
      </c>
      <c r="D1381" s="27"/>
      <c r="E1381" s="44">
        <v>293</v>
      </c>
      <c r="F1381" s="29">
        <f t="shared" si="69"/>
        <v>0</v>
      </c>
    </row>
    <row r="1382" spans="1:6" x14ac:dyDescent="0.25">
      <c r="A1382" s="36" t="s">
        <v>158</v>
      </c>
      <c r="B1382" s="61"/>
      <c r="C1382" s="38"/>
      <c r="D1382" s="27"/>
      <c r="E1382" s="44"/>
      <c r="F1382" s="29">
        <f t="shared" si="69"/>
        <v>0</v>
      </c>
    </row>
    <row r="1383" spans="1:6" x14ac:dyDescent="0.25">
      <c r="A1383" s="53" t="s">
        <v>116</v>
      </c>
      <c r="B1383" s="61"/>
      <c r="C1383" s="38"/>
      <c r="D1383" s="27"/>
      <c r="E1383" s="44"/>
      <c r="F1383" s="29">
        <f t="shared" si="69"/>
        <v>0</v>
      </c>
    </row>
    <row r="1384" spans="1:6" x14ac:dyDescent="0.25">
      <c r="A1384" s="24" t="s">
        <v>706</v>
      </c>
      <c r="B1384" s="61" t="s">
        <v>117</v>
      </c>
      <c r="C1384" s="38" t="s">
        <v>17</v>
      </c>
      <c r="D1384" s="27"/>
      <c r="E1384" s="44">
        <v>1.9</v>
      </c>
      <c r="F1384" s="29">
        <f t="shared" ref="F1384:F1415" si="71">SUM(D1384*E1384)</f>
        <v>0</v>
      </c>
    </row>
    <row r="1385" spans="1:6" x14ac:dyDescent="0.25">
      <c r="A1385" s="24" t="s">
        <v>707</v>
      </c>
      <c r="B1385" s="61" t="s">
        <v>117</v>
      </c>
      <c r="C1385" s="38" t="s">
        <v>17</v>
      </c>
      <c r="D1385" s="27"/>
      <c r="E1385" s="44">
        <v>0.45</v>
      </c>
      <c r="F1385" s="29">
        <f t="shared" si="71"/>
        <v>0</v>
      </c>
    </row>
    <row r="1386" spans="1:6" x14ac:dyDescent="0.25">
      <c r="A1386" s="24" t="s">
        <v>708</v>
      </c>
      <c r="B1386" s="61" t="s">
        <v>117</v>
      </c>
      <c r="C1386" s="38" t="s">
        <v>17</v>
      </c>
      <c r="D1386" s="27"/>
      <c r="E1386" s="44">
        <v>3.5</v>
      </c>
      <c r="F1386" s="29">
        <f t="shared" si="71"/>
        <v>0</v>
      </c>
    </row>
    <row r="1387" spans="1:6" x14ac:dyDescent="0.25">
      <c r="A1387" s="24" t="s">
        <v>709</v>
      </c>
      <c r="B1387" s="61" t="s">
        <v>117</v>
      </c>
      <c r="C1387" s="38" t="s">
        <v>17</v>
      </c>
      <c r="D1387" s="27"/>
      <c r="E1387" s="44">
        <v>5.5</v>
      </c>
      <c r="F1387" s="29">
        <f t="shared" si="71"/>
        <v>0</v>
      </c>
    </row>
    <row r="1388" spans="1:6" x14ac:dyDescent="0.25">
      <c r="A1388" s="24" t="s">
        <v>710</v>
      </c>
      <c r="B1388" s="61" t="s">
        <v>117</v>
      </c>
      <c r="C1388" s="38" t="s">
        <v>18</v>
      </c>
      <c r="D1388" s="27"/>
      <c r="E1388" s="44">
        <v>13.5</v>
      </c>
      <c r="F1388" s="29">
        <f t="shared" si="71"/>
        <v>0</v>
      </c>
    </row>
    <row r="1389" spans="1:6" x14ac:dyDescent="0.25">
      <c r="A1389" s="24" t="s">
        <v>711</v>
      </c>
      <c r="B1389" s="61" t="s">
        <v>117</v>
      </c>
      <c r="C1389" s="38" t="s">
        <v>17</v>
      </c>
      <c r="D1389" s="27"/>
      <c r="E1389" s="44">
        <v>0.45</v>
      </c>
      <c r="F1389" s="29">
        <f t="shared" si="71"/>
        <v>0</v>
      </c>
    </row>
    <row r="1390" spans="1:6" x14ac:dyDescent="0.25">
      <c r="A1390" s="24" t="s">
        <v>1233</v>
      </c>
      <c r="B1390" s="61" t="s">
        <v>117</v>
      </c>
      <c r="C1390" s="38" t="s">
        <v>18</v>
      </c>
      <c r="D1390" s="27"/>
      <c r="E1390" s="44">
        <v>55.1</v>
      </c>
      <c r="F1390" s="29">
        <f t="shared" si="71"/>
        <v>0</v>
      </c>
    </row>
    <row r="1391" spans="1:6" x14ac:dyDescent="0.25">
      <c r="A1391" s="24" t="s">
        <v>712</v>
      </c>
      <c r="B1391" s="61" t="s">
        <v>117</v>
      </c>
      <c r="C1391" s="38" t="s">
        <v>18</v>
      </c>
      <c r="D1391" s="27"/>
      <c r="E1391" s="44">
        <v>18</v>
      </c>
      <c r="F1391" s="29">
        <f t="shared" si="71"/>
        <v>0</v>
      </c>
    </row>
    <row r="1392" spans="1:6" x14ac:dyDescent="0.25">
      <c r="A1392" s="24" t="s">
        <v>713</v>
      </c>
      <c r="B1392" s="61" t="s">
        <v>117</v>
      </c>
      <c r="C1392" s="38" t="s">
        <v>18</v>
      </c>
      <c r="D1392" s="27"/>
      <c r="E1392" s="44">
        <v>21.1</v>
      </c>
      <c r="F1392" s="29">
        <f t="shared" si="71"/>
        <v>0</v>
      </c>
    </row>
    <row r="1393" spans="1:6" x14ac:dyDescent="0.25">
      <c r="A1393" s="24" t="s">
        <v>714</v>
      </c>
      <c r="B1393" s="61" t="s">
        <v>117</v>
      </c>
      <c r="C1393" s="38" t="s">
        <v>17</v>
      </c>
      <c r="D1393" s="27"/>
      <c r="E1393" s="44">
        <v>0.35</v>
      </c>
      <c r="F1393" s="29">
        <f t="shared" si="71"/>
        <v>0</v>
      </c>
    </row>
    <row r="1394" spans="1:6" x14ac:dyDescent="0.25">
      <c r="A1394" s="24" t="s">
        <v>715</v>
      </c>
      <c r="B1394" s="61" t="s">
        <v>117</v>
      </c>
      <c r="C1394" s="38" t="s">
        <v>17</v>
      </c>
      <c r="D1394" s="27"/>
      <c r="E1394" s="44">
        <v>0.20899999999999999</v>
      </c>
      <c r="F1394" s="29">
        <f t="shared" si="71"/>
        <v>0</v>
      </c>
    </row>
    <row r="1395" spans="1:6" ht="24" x14ac:dyDescent="0.25">
      <c r="A1395" s="24" t="s">
        <v>1449</v>
      </c>
      <c r="B1395" s="61" t="s">
        <v>117</v>
      </c>
      <c r="C1395" s="38" t="s">
        <v>5</v>
      </c>
      <c r="D1395" s="27"/>
      <c r="E1395" s="44">
        <v>10.08</v>
      </c>
      <c r="F1395" s="29">
        <f t="shared" si="71"/>
        <v>0</v>
      </c>
    </row>
    <row r="1396" spans="1:6" x14ac:dyDescent="0.25">
      <c r="A1396" s="24" t="s">
        <v>705</v>
      </c>
      <c r="B1396" s="61" t="s">
        <v>117</v>
      </c>
      <c r="C1396" s="38" t="s">
        <v>5</v>
      </c>
      <c r="D1396" s="27"/>
      <c r="E1396" s="44">
        <v>15.4</v>
      </c>
      <c r="F1396" s="29">
        <f t="shared" si="71"/>
        <v>0</v>
      </c>
    </row>
    <row r="1397" spans="1:6" s="1" customFormat="1" x14ac:dyDescent="0.25">
      <c r="A1397" s="24" t="s">
        <v>1232</v>
      </c>
      <c r="B1397" s="61" t="s">
        <v>117</v>
      </c>
      <c r="C1397" s="38" t="s">
        <v>5</v>
      </c>
      <c r="D1397" s="27"/>
      <c r="E1397" s="44">
        <v>6.98</v>
      </c>
      <c r="F1397" s="29">
        <f t="shared" si="71"/>
        <v>0</v>
      </c>
    </row>
    <row r="1398" spans="1:6" x14ac:dyDescent="0.25">
      <c r="A1398" s="24" t="s">
        <v>1450</v>
      </c>
      <c r="B1398" s="61" t="s">
        <v>117</v>
      </c>
      <c r="C1398" s="38" t="s">
        <v>19</v>
      </c>
      <c r="D1398" s="27"/>
      <c r="E1398" s="44">
        <v>2.35</v>
      </c>
      <c r="F1398" s="29">
        <f t="shared" si="71"/>
        <v>0</v>
      </c>
    </row>
    <row r="1399" spans="1:6" x14ac:dyDescent="0.25">
      <c r="A1399" s="24" t="s">
        <v>716</v>
      </c>
      <c r="B1399" s="61" t="s">
        <v>117</v>
      </c>
      <c r="C1399" s="38" t="s">
        <v>17</v>
      </c>
      <c r="D1399" s="27"/>
      <c r="E1399" s="44">
        <v>1.1000000000000001</v>
      </c>
      <c r="F1399" s="29">
        <f t="shared" si="71"/>
        <v>0</v>
      </c>
    </row>
    <row r="1400" spans="1:6" x14ac:dyDescent="0.25">
      <c r="A1400" s="24" t="s">
        <v>1235</v>
      </c>
      <c r="B1400" s="61" t="s">
        <v>117</v>
      </c>
      <c r="C1400" s="38" t="s">
        <v>17</v>
      </c>
      <c r="D1400" s="27"/>
      <c r="E1400" s="44">
        <v>1.1000000000000001</v>
      </c>
      <c r="F1400" s="29">
        <f t="shared" si="71"/>
        <v>0</v>
      </c>
    </row>
    <row r="1401" spans="1:6" x14ac:dyDescent="0.25">
      <c r="A1401" s="24" t="s">
        <v>717</v>
      </c>
      <c r="B1401" s="61" t="s">
        <v>117</v>
      </c>
      <c r="C1401" s="38" t="s">
        <v>17</v>
      </c>
      <c r="D1401" s="27"/>
      <c r="E1401" s="44">
        <v>0.16</v>
      </c>
      <c r="F1401" s="29">
        <f t="shared" si="71"/>
        <v>0</v>
      </c>
    </row>
    <row r="1402" spans="1:6" x14ac:dyDescent="0.25">
      <c r="A1402" s="24" t="s">
        <v>718</v>
      </c>
      <c r="B1402" s="61" t="s">
        <v>117</v>
      </c>
      <c r="C1402" s="38" t="s">
        <v>17</v>
      </c>
      <c r="D1402" s="27"/>
      <c r="E1402" s="44">
        <v>0.111</v>
      </c>
      <c r="F1402" s="29">
        <f t="shared" si="71"/>
        <v>0</v>
      </c>
    </row>
    <row r="1403" spans="1:6" x14ac:dyDescent="0.25">
      <c r="A1403" s="24" t="s">
        <v>719</v>
      </c>
      <c r="B1403" s="61" t="s">
        <v>117</v>
      </c>
      <c r="C1403" s="38" t="s">
        <v>17</v>
      </c>
      <c r="D1403" s="27"/>
      <c r="E1403" s="44">
        <v>0.13700000000000001</v>
      </c>
      <c r="F1403" s="29">
        <f t="shared" si="71"/>
        <v>0</v>
      </c>
    </row>
    <row r="1404" spans="1:6" s="1" customFormat="1" x14ac:dyDescent="0.25">
      <c r="A1404" s="24" t="s">
        <v>1234</v>
      </c>
      <c r="B1404" s="61" t="s">
        <v>117</v>
      </c>
      <c r="C1404" s="38" t="s">
        <v>17</v>
      </c>
      <c r="D1404" s="27"/>
      <c r="E1404" s="44">
        <v>0.17</v>
      </c>
      <c r="F1404" s="29">
        <f t="shared" si="71"/>
        <v>0</v>
      </c>
    </row>
    <row r="1405" spans="1:6" x14ac:dyDescent="0.25">
      <c r="A1405" s="24" t="s">
        <v>720</v>
      </c>
      <c r="B1405" s="61" t="s">
        <v>117</v>
      </c>
      <c r="C1405" s="38" t="s">
        <v>17</v>
      </c>
      <c r="D1405" s="27"/>
      <c r="E1405" s="44">
        <v>0.22</v>
      </c>
      <c r="F1405" s="29">
        <f t="shared" si="71"/>
        <v>0</v>
      </c>
    </row>
    <row r="1406" spans="1:6" x14ac:dyDescent="0.25">
      <c r="A1406" s="24" t="s">
        <v>721</v>
      </c>
      <c r="B1406" s="61" t="s">
        <v>117</v>
      </c>
      <c r="C1406" s="38" t="s">
        <v>17</v>
      </c>
      <c r="D1406" s="27"/>
      <c r="E1406" s="44">
        <v>6.0999999999999999E-2</v>
      </c>
      <c r="F1406" s="29">
        <f t="shared" si="71"/>
        <v>0</v>
      </c>
    </row>
    <row r="1407" spans="1:6" x14ac:dyDescent="0.25">
      <c r="A1407" s="24" t="s">
        <v>722</v>
      </c>
      <c r="B1407" s="61" t="s">
        <v>117</v>
      </c>
      <c r="C1407" s="38" t="s">
        <v>17</v>
      </c>
      <c r="D1407" s="27"/>
      <c r="E1407" s="44">
        <v>5.7000000000000002E-2</v>
      </c>
      <c r="F1407" s="29">
        <f t="shared" si="71"/>
        <v>0</v>
      </c>
    </row>
    <row r="1408" spans="1:6" x14ac:dyDescent="0.25">
      <c r="A1408" s="24" t="s">
        <v>723</v>
      </c>
      <c r="B1408" s="61" t="s">
        <v>117</v>
      </c>
      <c r="C1408" s="38" t="s">
        <v>17</v>
      </c>
      <c r="D1408" s="27"/>
      <c r="E1408" s="44">
        <v>0.12</v>
      </c>
      <c r="F1408" s="29">
        <f t="shared" si="71"/>
        <v>0</v>
      </c>
    </row>
    <row r="1409" spans="1:6" x14ac:dyDescent="0.25">
      <c r="A1409" s="24" t="s">
        <v>724</v>
      </c>
      <c r="B1409" s="61" t="s">
        <v>117</v>
      </c>
      <c r="C1409" s="38" t="s">
        <v>17</v>
      </c>
      <c r="D1409" s="27"/>
      <c r="E1409" s="44">
        <v>0.13</v>
      </c>
      <c r="F1409" s="29">
        <f t="shared" si="71"/>
        <v>0</v>
      </c>
    </row>
    <row r="1410" spans="1:6" x14ac:dyDescent="0.25">
      <c r="A1410" s="24" t="s">
        <v>725</v>
      </c>
      <c r="B1410" s="61" t="s">
        <v>117</v>
      </c>
      <c r="C1410" s="38" t="s">
        <v>17</v>
      </c>
      <c r="D1410" s="27"/>
      <c r="E1410" s="44">
        <v>0.24</v>
      </c>
      <c r="F1410" s="29">
        <f t="shared" si="71"/>
        <v>0</v>
      </c>
    </row>
    <row r="1411" spans="1:6" x14ac:dyDescent="0.25">
      <c r="A1411" s="24" t="s">
        <v>726</v>
      </c>
      <c r="B1411" s="61" t="s">
        <v>117</v>
      </c>
      <c r="C1411" s="38" t="s">
        <v>17</v>
      </c>
      <c r="D1411" s="27"/>
      <c r="E1411" s="44">
        <v>1.35</v>
      </c>
      <c r="F1411" s="29">
        <f t="shared" si="71"/>
        <v>0</v>
      </c>
    </row>
    <row r="1412" spans="1:6" x14ac:dyDescent="0.25">
      <c r="A1412" s="24" t="s">
        <v>727</v>
      </c>
      <c r="B1412" s="61" t="s">
        <v>117</v>
      </c>
      <c r="C1412" s="38" t="s">
        <v>17</v>
      </c>
      <c r="D1412" s="27"/>
      <c r="E1412" s="44">
        <v>0.45</v>
      </c>
      <c r="F1412" s="29">
        <f t="shared" si="71"/>
        <v>0</v>
      </c>
    </row>
    <row r="1413" spans="1:6" x14ac:dyDescent="0.25">
      <c r="A1413" s="24" t="s">
        <v>729</v>
      </c>
      <c r="B1413" s="61" t="s">
        <v>117</v>
      </c>
      <c r="C1413" s="38" t="s">
        <v>17</v>
      </c>
      <c r="D1413" s="27"/>
      <c r="E1413" s="44">
        <v>0.54</v>
      </c>
      <c r="F1413" s="29">
        <f t="shared" si="71"/>
        <v>0</v>
      </c>
    </row>
    <row r="1414" spans="1:6" x14ac:dyDescent="0.25">
      <c r="A1414" s="24" t="s">
        <v>730</v>
      </c>
      <c r="B1414" s="61" t="s">
        <v>117</v>
      </c>
      <c r="C1414" s="38" t="s">
        <v>17</v>
      </c>
      <c r="D1414" s="27"/>
      <c r="E1414" s="44">
        <v>0.25</v>
      </c>
      <c r="F1414" s="29">
        <f t="shared" si="71"/>
        <v>0</v>
      </c>
    </row>
    <row r="1415" spans="1:6" x14ac:dyDescent="0.25">
      <c r="A1415" s="24" t="s">
        <v>728</v>
      </c>
      <c r="B1415" s="61" t="s">
        <v>117</v>
      </c>
      <c r="C1415" s="38" t="s">
        <v>17</v>
      </c>
      <c r="D1415" s="27"/>
      <c r="E1415" s="44">
        <v>3.9340000000000002</v>
      </c>
      <c r="F1415" s="29">
        <f t="shared" si="71"/>
        <v>0</v>
      </c>
    </row>
    <row r="1416" spans="1:6" x14ac:dyDescent="0.25">
      <c r="A1416" s="36" t="s">
        <v>158</v>
      </c>
      <c r="B1416" s="61"/>
      <c r="C1416" s="38"/>
      <c r="D1416" s="27"/>
      <c r="E1416" s="44"/>
      <c r="F1416" s="29">
        <f t="shared" ref="F1416:F1417" si="72">SUM(D1416*E1416)</f>
        <v>0</v>
      </c>
    </row>
    <row r="1417" spans="1:6" x14ac:dyDescent="0.25">
      <c r="A1417" s="58" t="s">
        <v>118</v>
      </c>
      <c r="B1417" s="61"/>
      <c r="C1417" s="38"/>
      <c r="D1417" s="27"/>
      <c r="E1417" s="44"/>
      <c r="F1417" s="29">
        <f t="shared" si="72"/>
        <v>0</v>
      </c>
    </row>
    <row r="1418" spans="1:6" x14ac:dyDescent="0.25">
      <c r="A1418" s="24" t="s">
        <v>1163</v>
      </c>
      <c r="B1418" s="61" t="s">
        <v>119</v>
      </c>
      <c r="C1418" s="38" t="s">
        <v>17</v>
      </c>
      <c r="D1418" s="27"/>
      <c r="E1418" s="44">
        <v>4.4900000000000002E-2</v>
      </c>
      <c r="F1418" s="29">
        <f t="shared" ref="F1418:F1426" si="73">SUM(D1418*E1418)</f>
        <v>0</v>
      </c>
    </row>
    <row r="1419" spans="1:6" x14ac:dyDescent="0.25">
      <c r="A1419" s="24" t="s">
        <v>1161</v>
      </c>
      <c r="B1419" s="61" t="s">
        <v>119</v>
      </c>
      <c r="C1419" s="38" t="s">
        <v>17</v>
      </c>
      <c r="D1419" s="27"/>
      <c r="E1419" s="44">
        <v>0.1898</v>
      </c>
      <c r="F1419" s="29">
        <f t="shared" si="73"/>
        <v>0</v>
      </c>
    </row>
    <row r="1420" spans="1:6" x14ac:dyDescent="0.25">
      <c r="A1420" s="24" t="s">
        <v>1164</v>
      </c>
      <c r="B1420" s="61" t="s">
        <v>119</v>
      </c>
      <c r="C1420" s="38" t="s">
        <v>17</v>
      </c>
      <c r="D1420" s="27"/>
      <c r="E1420" s="44">
        <v>0.15</v>
      </c>
      <c r="F1420" s="29">
        <f t="shared" si="73"/>
        <v>0</v>
      </c>
    </row>
    <row r="1421" spans="1:6" x14ac:dyDescent="0.25">
      <c r="A1421" s="24" t="s">
        <v>1165</v>
      </c>
      <c r="B1421" s="61" t="s">
        <v>119</v>
      </c>
      <c r="C1421" s="38" t="s">
        <v>17</v>
      </c>
      <c r="D1421" s="30"/>
      <c r="E1421" s="44">
        <v>0.2</v>
      </c>
      <c r="F1421" s="29">
        <f t="shared" si="73"/>
        <v>0</v>
      </c>
    </row>
    <row r="1422" spans="1:6" x14ac:dyDescent="0.25">
      <c r="A1422" s="24" t="s">
        <v>1166</v>
      </c>
      <c r="B1422" s="61" t="s">
        <v>119</v>
      </c>
      <c r="C1422" s="38" t="s">
        <v>702</v>
      </c>
      <c r="D1422" s="30"/>
      <c r="E1422" s="44">
        <v>0.26</v>
      </c>
      <c r="F1422" s="29">
        <f t="shared" si="73"/>
        <v>0</v>
      </c>
    </row>
    <row r="1423" spans="1:6" x14ac:dyDescent="0.25">
      <c r="A1423" s="24" t="s">
        <v>1167</v>
      </c>
      <c r="B1423" s="61" t="s">
        <v>119</v>
      </c>
      <c r="C1423" s="38" t="s">
        <v>17</v>
      </c>
      <c r="D1423" s="27"/>
      <c r="E1423" s="44">
        <v>0.39</v>
      </c>
      <c r="F1423" s="29">
        <f t="shared" si="73"/>
        <v>0</v>
      </c>
    </row>
    <row r="1424" spans="1:6" x14ac:dyDescent="0.25">
      <c r="A1424" s="24" t="s">
        <v>1168</v>
      </c>
      <c r="B1424" s="61" t="s">
        <v>119</v>
      </c>
      <c r="C1424" s="38" t="s">
        <v>17</v>
      </c>
      <c r="D1424" s="27"/>
      <c r="E1424" s="44">
        <v>0.48</v>
      </c>
      <c r="F1424" s="29">
        <f t="shared" si="73"/>
        <v>0</v>
      </c>
    </row>
    <row r="1425" spans="1:6" x14ac:dyDescent="0.25">
      <c r="A1425" s="24" t="s">
        <v>1169</v>
      </c>
      <c r="B1425" s="61" t="s">
        <v>119</v>
      </c>
      <c r="C1425" s="38" t="s">
        <v>17</v>
      </c>
      <c r="D1425" s="27"/>
      <c r="E1425" s="44">
        <v>0.88</v>
      </c>
      <c r="F1425" s="29">
        <f t="shared" si="73"/>
        <v>0</v>
      </c>
    </row>
    <row r="1426" spans="1:6" x14ac:dyDescent="0.25">
      <c r="A1426" s="24" t="s">
        <v>1162</v>
      </c>
      <c r="B1426" s="61" t="s">
        <v>119</v>
      </c>
      <c r="C1426" s="38" t="s">
        <v>17</v>
      </c>
      <c r="D1426" s="27"/>
      <c r="E1426" s="44">
        <v>0.219</v>
      </c>
      <c r="F1426" s="29">
        <f t="shared" si="73"/>
        <v>0</v>
      </c>
    </row>
    <row r="1427" spans="1:6" x14ac:dyDescent="0.25">
      <c r="A1427" s="36"/>
      <c r="B1427" s="28"/>
      <c r="C1427" s="28"/>
      <c r="D1427" s="28"/>
      <c r="E1427" s="44" t="s">
        <v>541</v>
      </c>
      <c r="F1427" s="29">
        <f>SUM(F10:F1426)</f>
        <v>0</v>
      </c>
    </row>
    <row r="1428" spans="1:6" x14ac:dyDescent="0.25">
      <c r="E1428" s="46"/>
    </row>
  </sheetData>
  <sheetProtection sheet="1" objects="1" scenarios="1"/>
  <sortState ref="A429:F484">
    <sortCondition ref="A429:A484"/>
  </sortState>
  <mergeCells count="3">
    <mergeCell ref="A1:F1"/>
    <mergeCell ref="A3:F3"/>
    <mergeCell ref="A5:F5"/>
  </mergeCells>
  <pageMargins left="0.511811024" right="0.511811024" top="0.78740157499999996" bottom="0.78740157499999996" header="0.31496062000000002" footer="0.31496062000000002"/>
  <pageSetup paperSize="9" orientation="landscape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RowHeight="15" x14ac:dyDescent="0.25"/>
  <sheetData/>
  <pageMargins left="0.511811024" right="0.511811024" top="0.78740157499999996" bottom="0.78740157499999996" header="0.31496062000000002" footer="0.3149606200000000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Planilhas</vt:lpstr>
      </vt:variant>
      <vt:variant>
        <vt:i4>3</vt:i4>
      </vt:variant>
    </vt:vector>
  </HeadingPairs>
  <TitlesOfParts>
    <vt:vector size="3" baseType="lpstr">
      <vt:lpstr>Plan1</vt:lpstr>
      <vt:lpstr>Plan2</vt:lpstr>
      <vt:lpstr>Plan3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uario</dc:creator>
  <cp:lastModifiedBy>i5</cp:lastModifiedBy>
  <cp:lastPrinted>2017-08-28T17:29:46Z</cp:lastPrinted>
  <dcterms:created xsi:type="dcterms:W3CDTF">2017-08-10T13:24:46Z</dcterms:created>
  <dcterms:modified xsi:type="dcterms:W3CDTF">2017-10-05T17:48:37Z</dcterms:modified>
</cp:coreProperties>
</file>